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231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023195\AppData\Local\Microsoft\Windows\INetCache\Content.Outlook\45RZEOQA\"/>
    </mc:Choice>
  </mc:AlternateContent>
  <xr:revisionPtr revIDLastSave="0" documentId="13_ncr:1_{CD516D01-2759-49BD-8A47-D0CEAA6ADB66}" xr6:coauthVersionLast="47" xr6:coauthVersionMax="47" xr10:uidLastSave="{00000000-0000-0000-0000-000000000000}"/>
  <bookViews>
    <workbookView xWindow="-120" yWindow="-120" windowWidth="20730" windowHeight="11160" firstSheet="2" activeTab="8" xr2:uid="{00000000-000D-0000-FFFF-FFFF00000000}"/>
  </bookViews>
  <sheets>
    <sheet name="2011" sheetId="1" r:id="rId1"/>
    <sheet name="2012" sheetId="2" r:id="rId2"/>
    <sheet name="2013" sheetId="3" r:id="rId3"/>
    <sheet name="2014" sheetId="4" r:id="rId4"/>
    <sheet name="2015" sheetId="5" r:id="rId5"/>
    <sheet name="2016-2018" sheetId="6" r:id="rId6"/>
    <sheet name="2019-2020" sheetId="7" r:id="rId7"/>
    <sheet name="2020-2021" sheetId="8" r:id="rId8"/>
    <sheet name="2022-2023" sheetId="13" r:id="rId9"/>
  </sheets>
  <definedNames>
    <definedName name="Z_A251BD93_D9C7_4F55_9631_01CAEE64168F_.wvu.Cols" localSheetId="4" hidden="1">'2015'!$G:$G</definedName>
    <definedName name="Z_A251BD93_D9C7_4F55_9631_01CAEE64168F_.wvu.Rows" localSheetId="4" hidden="1">'2015'!$14:$14,'2015'!$359:$360</definedName>
    <definedName name="Z_EC814CE1_0F1E_4212_A340_F06F8C30AE5D_.wvu.Cols" localSheetId="4" hidden="1">'2015'!$G:$G</definedName>
    <definedName name="Z_EC814CE1_0F1E_4212_A340_F06F8C30AE5D_.wvu.Rows" localSheetId="4" hidden="1">'2015'!$14:$14,'2015'!$359:$360</definedName>
  </definedNames>
  <calcPr calcId="191029"/>
  <customWorkbookViews>
    <customWorkbookView name="Vilette Forwood - Personal View" guid="{EC814CE1-0F1E-4212-A340-F06F8C30AE5D}" mergeInterval="0" personalView="1" maximized="1" xWindow="-9" yWindow="-9" windowWidth="1938" windowHeight="1050" activeSheetId="9"/>
    <customWorkbookView name="Andre Taljaard - Personal View" guid="{A251BD93-D9C7-4F55-9631-01CAEE64168F}" mergeInterval="0" personalView="1" maximized="1" xWindow="-8" yWindow="-8" windowWidth="1382" windowHeight="744" activeSheetId="9"/>
  </customWorkbookViews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12" i="1" l="1"/>
  <c r="D14" i="1"/>
  <c r="D37" i="1"/>
  <c r="D39" i="1"/>
  <c r="D57" i="1"/>
  <c r="D59" i="1"/>
  <c r="D78" i="1"/>
  <c r="D80" i="1"/>
  <c r="D84" i="1"/>
  <c r="D86" i="1"/>
  <c r="D92" i="1"/>
  <c r="D94" i="1"/>
  <c r="D111" i="1"/>
  <c r="D113" i="1"/>
  <c r="D121" i="1"/>
  <c r="D125" i="1"/>
  <c r="D127" i="1"/>
  <c r="D133" i="1"/>
  <c r="D135" i="1"/>
  <c r="D217" i="2"/>
  <c r="D293" i="2"/>
  <c r="D297" i="2"/>
  <c r="D225" i="2"/>
</calcChain>
</file>

<file path=xl/sharedStrings.xml><?xml version="1.0" encoding="utf-8"?>
<sst xmlns="http://schemas.openxmlformats.org/spreadsheetml/2006/main" count="4534" uniqueCount="4175">
  <si>
    <t>SUPPLY, DELIVERY AND INSTALLATION OF OFFICE FURNITURE FOR THE NEW UMTHATHA OFFICE</t>
  </si>
  <si>
    <t>RFP 36/2013</t>
  </si>
  <si>
    <t>HICDARM TRADING PTY LTD</t>
  </si>
  <si>
    <t>STYLE CRAFT OFFICE DESIGN</t>
  </si>
  <si>
    <t>NA PARRY CC t/a WORKSTATION OFFICE FURNITURE</t>
  </si>
  <si>
    <t>REDROW OFFICE FURNITURE</t>
  </si>
  <si>
    <t>BLACKSPACE IDP</t>
  </si>
  <si>
    <t xml:space="preserve">RFP 01/2013 </t>
  </si>
  <si>
    <t>TECINO TRADING 22</t>
  </si>
  <si>
    <t>UKHUNI BUSINESS FURNITURE</t>
  </si>
  <si>
    <t>WALTONS</t>
  </si>
  <si>
    <t>M AND F BUSINESS FURNITURE</t>
  </si>
  <si>
    <t>RFP 04/2013</t>
  </si>
  <si>
    <t>RFP 05/2013</t>
  </si>
  <si>
    <t>RFP 06/2013</t>
  </si>
  <si>
    <t>RFP 07/2013</t>
  </si>
  <si>
    <t>RFP 08/2013</t>
  </si>
  <si>
    <t>RFP 10/2013</t>
  </si>
  <si>
    <t>RFP 11/2013</t>
  </si>
  <si>
    <t>RFP 12/2013</t>
  </si>
  <si>
    <t>MASANA HYGIENE SERVICES</t>
  </si>
  <si>
    <t>LYNX SUPPLIES</t>
  </si>
  <si>
    <t>ROYAL SERVE CLEANING</t>
  </si>
  <si>
    <t>RISK RELEASE</t>
  </si>
  <si>
    <t>KAGISO REKOPANE</t>
  </si>
  <si>
    <t>PRESTIGE CLEANING SERVICES</t>
  </si>
  <si>
    <t>SUPERCARE SERVICES GROUP</t>
  </si>
  <si>
    <t>UKWEZA HOLDINGS</t>
  </si>
  <si>
    <t>MARVELLOUS MAIDS ACADEMY</t>
  </si>
  <si>
    <t>UBUNYE CLEANING SERVICES</t>
  </si>
  <si>
    <t>ADVENTURE INDUSTRIAL CLEANING</t>
  </si>
  <si>
    <t>SERVEST</t>
  </si>
  <si>
    <t>LOLLAS CLEANING SERVICES</t>
  </si>
  <si>
    <t>PVT VAGWENA TRADING ENTERPRISES</t>
  </si>
  <si>
    <t>KOPHELA TRADING</t>
  </si>
  <si>
    <t>GENERAL CLEANING SERVICES</t>
  </si>
  <si>
    <t>KOMAPE AND MADITSE</t>
  </si>
  <si>
    <t>M&amp;J CHEMICALS &amp; CLEANING SERVICES</t>
  </si>
  <si>
    <t>KAMESO TOTAL HYGIENE SERVICES</t>
  </si>
  <si>
    <t>AFRICAN CORPORATE CLEANING</t>
  </si>
  <si>
    <t>MOLLYWOOD MAIDS</t>
  </si>
  <si>
    <t>ZILWA CLEANING AND GARDENING SERVICES</t>
  </si>
  <si>
    <t>MARENA NALEDI BUSINESS ENTERPRISES</t>
  </si>
  <si>
    <t>IKHAYELIHLE CLEANING SERVICES</t>
  </si>
  <si>
    <t>SIMPHIWE &amp; SICELO CLEANING PROJECTS</t>
  </si>
  <si>
    <t>DIHLATSE LABOUR AND TRANSPORT SERVICES</t>
  </si>
  <si>
    <t>STAZA CLEANING SERVICES</t>
  </si>
  <si>
    <t>SERVICE ROYAL HYGIENE SPECIALIST</t>
  </si>
  <si>
    <t>RAINBOW MOON SERVICES</t>
  </si>
  <si>
    <t>AFRIBOOM CLEANING SERVICES</t>
  </si>
  <si>
    <t>SAMAGABA CLEANING SERVICES</t>
  </si>
  <si>
    <t>GIZARA CAR WASH AND CLEANING SERVICES</t>
  </si>
  <si>
    <t>BETTA PROJECTS CONSORTIUM</t>
  </si>
  <si>
    <t>BRIGHT &amp; SPOTLESS CLEANING SERVICES</t>
  </si>
  <si>
    <t>DIMAKATSO KE DI BONE CLEANER</t>
  </si>
  <si>
    <t>VENPHUTHI BUSINESS SOLUTIONS</t>
  </si>
  <si>
    <t>PROSPECT CLEANING SERVICES</t>
  </si>
  <si>
    <t>RED ALERT</t>
  </si>
  <si>
    <t>MFESI CLEANING SERVICES</t>
  </si>
  <si>
    <t>LIV CLEAN</t>
  </si>
  <si>
    <t>TOP LEE TRADING</t>
  </si>
  <si>
    <t>INCASA CONTRACTORS AND TRADING</t>
  </si>
  <si>
    <t>MONABO HYGIENE SERVICES</t>
  </si>
  <si>
    <t>CLEAN CARE MOBILE</t>
  </si>
  <si>
    <t>TYE EXOTIC</t>
  </si>
  <si>
    <t>LEBONE CLEANING</t>
  </si>
  <si>
    <t>BOTHO UBUNTU CLEANING</t>
  </si>
  <si>
    <t>RENAISSANCE CLEANING SERVICES</t>
  </si>
  <si>
    <t>RFP 13/2013</t>
  </si>
  <si>
    <t>RFP23-2013</t>
  </si>
  <si>
    <t>PRE-EMPLOYMENT SCREENING</t>
  </si>
  <si>
    <t>MINDSHARE SA GAUTENG</t>
  </si>
  <si>
    <t>SPACEGROW MEDIA T/A SPACE</t>
  </si>
  <si>
    <t>THE MEDIA SHOP</t>
  </si>
  <si>
    <t>MEDIA MIX</t>
  </si>
  <si>
    <t>MEC CARAT</t>
  </si>
  <si>
    <t>RAINBOW PEPPER TRADING 128</t>
  </si>
  <si>
    <t>BUSI NTULI COMMUNICATIONS</t>
  </si>
  <si>
    <t>MEDIA BUYING</t>
  </si>
  <si>
    <t>PSG KONSULT CORPORATE</t>
  </si>
  <si>
    <t>SIBETT MARKETING &amp; DISTRIBUTION SERVICES</t>
  </si>
  <si>
    <t>OPTIVEST HEALTH SERVICES</t>
  </si>
  <si>
    <t>PINNACLE HEALTH SOLUTIONS</t>
  </si>
  <si>
    <t>MARSH</t>
  </si>
  <si>
    <t>ALEXANDRA FORBES HEALTH</t>
  </si>
  <si>
    <t>MEDICAL AID BROKERAGE SERVICES</t>
  </si>
  <si>
    <t>MOBILE VOICE AND DATA SERVICES</t>
  </si>
  <si>
    <t>VODACOM PTY LTD</t>
  </si>
  <si>
    <t>TELKOM SA SOC LTD</t>
  </si>
  <si>
    <t>LEXISNEXIS</t>
  </si>
  <si>
    <t>EMERGENCE</t>
  </si>
  <si>
    <t>THUSANI</t>
  </si>
  <si>
    <t>IPAC PTY LTD</t>
  </si>
  <si>
    <t>EMPLOYER MUTUAL PROTECTION SERVICE</t>
  </si>
  <si>
    <t>ERNST &amp; YOUNG</t>
  </si>
  <si>
    <t>FBK RECRUITMENT &amp; TALENT</t>
  </si>
  <si>
    <t xml:space="preserve">COZENS MANAMELA &amp; ASSOCIATES </t>
  </si>
  <si>
    <t xml:space="preserve">MANAGED INTEGRITY EVALUATION </t>
  </si>
  <si>
    <t>RFI 02-2013</t>
  </si>
  <si>
    <t>ADVISORY SERVICES</t>
  </si>
  <si>
    <t>THE COMPLIANCE FIRM</t>
  </si>
  <si>
    <t>INDYEBO CONSULTING INC</t>
  </si>
  <si>
    <t>SIZWE NTSALUBA GOBODO</t>
  </si>
  <si>
    <t>KPMG</t>
  </si>
  <si>
    <t>NGUBANE &amp; CO. INC</t>
  </si>
  <si>
    <t>LIGWA ADVISORY SERVICES</t>
  </si>
  <si>
    <t>SIFUNA CONSULTING</t>
  </si>
  <si>
    <t>AUDIT &amp; RISK MANAGEMENT SOLUTIONS</t>
  </si>
  <si>
    <t>LDP INC</t>
  </si>
  <si>
    <t>ZEELIE DE KOCK</t>
  </si>
  <si>
    <t>NEXUS FORENSIC SEVICES</t>
  </si>
  <si>
    <t>ARVIND MAGAN &amp; ASSOCIATES</t>
  </si>
  <si>
    <t>LEXTALIO</t>
  </si>
  <si>
    <t>MORAR INCORPORATED</t>
  </si>
  <si>
    <t>OPEN WATER</t>
  </si>
  <si>
    <t>NEXIA SAB&amp;T</t>
  </si>
  <si>
    <t>KUTAME KONSULT</t>
  </si>
  <si>
    <t>MOKWELE ADVISORY SERVICES</t>
  </si>
  <si>
    <t>BDO</t>
  </si>
  <si>
    <t>BOWMAN GIEFILLAN</t>
  </si>
  <si>
    <t>LMC</t>
  </si>
  <si>
    <t>GRANT THORNTON</t>
  </si>
  <si>
    <t>MAZARS</t>
  </si>
  <si>
    <t>HAHN &amp; HAHN ATTORNEYS</t>
  </si>
  <si>
    <t>DELOITTE</t>
  </si>
  <si>
    <t>MVB REGISTERED ACCOUNTANTS</t>
  </si>
  <si>
    <t>BOIKANO INC</t>
  </si>
  <si>
    <t>SIZWE BUSINESS RECOVERIES</t>
  </si>
  <si>
    <t>BOKWA INC</t>
  </si>
  <si>
    <t>GEORGE FIVAZ FORENSIC &amp; RISK</t>
  </si>
  <si>
    <t>MOORE STEPHENS BKV INCORPORATE</t>
  </si>
  <si>
    <t>ACCOUNTS ON MISSION</t>
  </si>
  <si>
    <t>PRICEWATERHOUSECOOPERS</t>
  </si>
  <si>
    <t>MPOFANA INVESTMENTS</t>
  </si>
  <si>
    <t>LOCKHAT INCORPORATED AUDITORS</t>
  </si>
  <si>
    <t>ANALYTICAL RISK MANAGEMENT</t>
  </si>
  <si>
    <t>O.M.A CHARTERED ACCOUNTANTS</t>
  </si>
  <si>
    <t>ENS FORENSICS</t>
  </si>
  <si>
    <t>EYEACTHECH</t>
  </si>
  <si>
    <t>TSEBANG INC</t>
  </si>
  <si>
    <t>NGUBANE ASSOCIATES</t>
  </si>
  <si>
    <t>PIERIAN INCORPORATED</t>
  </si>
  <si>
    <t>UBUNTU BUSINESS ADVISORY &amp; CONSULTING</t>
  </si>
  <si>
    <t>NAMENG CHARTERED ACCOUNTANTS</t>
  </si>
  <si>
    <t>ANDRE ZYBRANDS</t>
  </si>
  <si>
    <t>VALUATIONS &amp; APPRAISALS KZN</t>
  </si>
  <si>
    <t>RFP 21/2013</t>
  </si>
  <si>
    <t>NETWORK CARRIER AND INFRASTRUCTURE SERVICES</t>
  </si>
  <si>
    <t>TELKOM SA</t>
  </si>
  <si>
    <t>MTN BUSINESS</t>
  </si>
  <si>
    <t>VODACOM SA</t>
  </si>
  <si>
    <t>NEOTEL</t>
  </si>
  <si>
    <t>INTERNET SOLUTIONS</t>
  </si>
  <si>
    <t>RFP29/2013</t>
  </si>
  <si>
    <t>BLOEM MAINTANANCE RENOVATIONS AND CONSTRUCTION</t>
  </si>
  <si>
    <t>FREELANCE CONSTRUCTION</t>
  </si>
  <si>
    <t>MT CONTRACTS</t>
  </si>
  <si>
    <t>MJ MOKOENA CONSTRUCTION</t>
  </si>
  <si>
    <t>HBC CONSTRUCTION</t>
  </si>
  <si>
    <t>KHUBONI CIVILS PROJECTS</t>
  </si>
  <si>
    <t>MAGIC LABOUR HIRE &amp; SECURITY SERVICES</t>
  </si>
  <si>
    <t>GABS CONSTRUCTION &amp; MAINTENANCE</t>
  </si>
  <si>
    <t>KGOSHI ELECTRICAL</t>
  </si>
  <si>
    <t>ASCUL CONSTRUCTION</t>
  </si>
  <si>
    <t>RADM CONSTRUCTION</t>
  </si>
  <si>
    <t>RFP 25/2013</t>
  </si>
  <si>
    <t>SUPPLY AND MAINTENANCE OF SANITARY</t>
  </si>
  <si>
    <t>MATE SERVICE SUPPLY</t>
  </si>
  <si>
    <t>TUKASIE PTY LTD T/A AFRI-SERVICES</t>
  </si>
  <si>
    <t>ENVIROMENTAL HYGIENE</t>
  </si>
  <si>
    <t>SANITECH A DIV OF WACO AFRICA</t>
  </si>
  <si>
    <t>SSG CLEANING AND MAINTENANCE SERVICES</t>
  </si>
  <si>
    <t>MOSIMA LE MAKENS TRADING AND PROJECTS</t>
  </si>
  <si>
    <t>RENTOKIL INITIAL</t>
  </si>
  <si>
    <t>PTA AGENCIES</t>
  </si>
  <si>
    <t>SUPERCARE HYGIENE</t>
  </si>
  <si>
    <t>STEINER HYGIENE</t>
  </si>
  <si>
    <t>SHANELA CLEANING SOLUTION PTY LTD T/A SUPERCLEAN</t>
  </si>
  <si>
    <t>AFRIBOOM</t>
  </si>
  <si>
    <t>RFP 28/2013</t>
  </si>
  <si>
    <t>APPOINTMENT OF A INFRASTRUCTURE CONTRACTOR FOR THE Upgrade of the SARS Building PE</t>
  </si>
  <si>
    <t>MASITHEMBEKE CONSTRUCTION BK</t>
  </si>
  <si>
    <t>GABS CONSTRUCTION AND MAINTENANCE</t>
  </si>
  <si>
    <t>LETTAM BUILDING AND CIVILS</t>
  </si>
  <si>
    <t>GVK-SIYA ZAMA BUILDING CONTRACTORS</t>
  </si>
  <si>
    <t>ALEXANDER MAINTENANCE AND ELECTRICAL SERVICES</t>
  </si>
  <si>
    <t>OMEGA CONSTRUCTION AND BUILDING</t>
  </si>
  <si>
    <t>DEKON PROJECTS</t>
  </si>
  <si>
    <t>RFP 30/2013</t>
  </si>
  <si>
    <t>APPOINTMENT OF A SERVICE PROVIDER FOR THE UPGRADING OF ABLUTIONS AND LOBBIES AT LE HAE LA SARS</t>
  </si>
  <si>
    <t>MATAMELA CONSULTING</t>
  </si>
  <si>
    <t>DRYDEN PROJECTS</t>
  </si>
  <si>
    <t>ABE CONTRACTING SERVICES</t>
  </si>
  <si>
    <t>KHUBONI CIVIL PROJECTS</t>
  </si>
  <si>
    <t>JOINT VENT. TUCANA CONSTR. CC AND TPM CONSTR. &amp; ENGINEERING SERVICES</t>
  </si>
  <si>
    <t>ANQUET CONSTRUCTION SOLUTIONS</t>
  </si>
  <si>
    <t>THEMOLO BUSINESS ENTERPRISE</t>
  </si>
  <si>
    <t>TSK CONSTRUCTION</t>
  </si>
  <si>
    <t>CDB CONSTRUCTION</t>
  </si>
  <si>
    <t>KWAGGA HOLDINGS</t>
  </si>
  <si>
    <t>MOENG CIVIL AND CONSTRUCTION</t>
  </si>
  <si>
    <t>CII CONSTRUCTION</t>
  </si>
  <si>
    <t>SEDTRADE PTY LTD T/A SPORTS FIELDS FOR AFRICA</t>
  </si>
  <si>
    <t>LA CHABA CONSTRUCTION</t>
  </si>
  <si>
    <t>HALIFAX GROUP</t>
  </si>
  <si>
    <t>THE LEMBA ELEPHANT TRADING</t>
  </si>
  <si>
    <t>SPINKS TRADING</t>
  </si>
  <si>
    <t>MAGIC LABOUR HIRE AND SECURITY SERVICES CC</t>
  </si>
  <si>
    <t>TEBOHO MAFODI TRADING AND CONSTRUCTIONS</t>
  </si>
  <si>
    <t>DRICON TRADING 2</t>
  </si>
  <si>
    <t>RFP 24/2013</t>
  </si>
  <si>
    <t>CORPSURE PTY Ltd</t>
  </si>
  <si>
    <t>AON SOUTH AFRICA</t>
  </si>
  <si>
    <t>INDWE RISK SERVICES</t>
  </si>
  <si>
    <t>MMELA FINANCIAL SERVICES</t>
  </si>
  <si>
    <t>GIB INSURANCE BROKING GROUP</t>
  </si>
  <si>
    <t>MARSH PTY Ltd</t>
  </si>
  <si>
    <t>RFP14/2013</t>
  </si>
  <si>
    <t>PROVISION OF AN ONLINE 360 DEGREE EVALUATION OF LEADERSHIP EFFECTIVENESS AND RELATED SERVICES</t>
  </si>
  <si>
    <t>JVR PSHYCHOMETRIC</t>
  </si>
  <si>
    <t>MINDCOR CONSULTING</t>
  </si>
  <si>
    <t>AMSALOMS SYSTEMS</t>
  </si>
  <si>
    <t>ORIGIN MEASURES</t>
  </si>
  <si>
    <t>WORK DYNAMICS</t>
  </si>
  <si>
    <t>RFP19/2013</t>
  </si>
  <si>
    <t>TRANSPORT AND TOWING SERVICES</t>
  </si>
  <si>
    <t>MOHAMMAD MOOLLA STORAGE</t>
  </si>
  <si>
    <t>DIESEL PERFORMANCE TRUCK AND BUS</t>
  </si>
  <si>
    <t>MAXI TOWING</t>
  </si>
  <si>
    <t>SMITHS TOWING</t>
  </si>
  <si>
    <t>AFRI-KITSO</t>
  </si>
  <si>
    <t>TRAILWAYS TRANSPORT</t>
  </si>
  <si>
    <t>PPRUSPANELKLOPERS</t>
  </si>
  <si>
    <t>BLITZ SA TOWING COUNTRYWIDE</t>
  </si>
  <si>
    <t>SUBAS GENERAL TRADING AND LOAD SHIPPING</t>
  </si>
  <si>
    <t>PHIAH TRADING ENTERPRISES</t>
  </si>
  <si>
    <t>DYNAMIC RENTAL</t>
  </si>
  <si>
    <t>MSHANGANE PROJECT</t>
  </si>
  <si>
    <t>APEX SALVAGE AND RECOVERY</t>
  </si>
  <si>
    <t>RFI 01/2012</t>
  </si>
  <si>
    <t>RFI 03/2012</t>
  </si>
  <si>
    <t>RFP 04/2012</t>
  </si>
  <si>
    <t>RFP 08/2012</t>
  </si>
  <si>
    <t>RFP 16/2012</t>
  </si>
  <si>
    <t>RFP 17/2012</t>
  </si>
  <si>
    <t>RFP 19/2012</t>
  </si>
  <si>
    <t>RFP32/213</t>
  </si>
  <si>
    <t>OFFICE SPACE GEORGE</t>
  </si>
  <si>
    <t xml:space="preserve">HERRIE WINDSOR CONSTRUCTION </t>
  </si>
  <si>
    <t>GREG YOUNG BELEGGINGS BK</t>
  </si>
  <si>
    <t>REGAN TRADING CC</t>
  </si>
  <si>
    <t xml:space="preserve">RAINBOW PLACE PROPERTIES 29 </t>
  </si>
  <si>
    <t>ANDRE FOURIE TRUST</t>
  </si>
  <si>
    <t>RFP 20/2012</t>
  </si>
  <si>
    <t>RFP 21/2012</t>
  </si>
  <si>
    <t>RFP 22/2012</t>
  </si>
  <si>
    <t>RFP 04/2011</t>
  </si>
  <si>
    <t>RFP 09/2011</t>
  </si>
  <si>
    <t>RFP 18/2011</t>
  </si>
  <si>
    <t>RFP 25/2011</t>
  </si>
  <si>
    <t>RFP 26/2011</t>
  </si>
  <si>
    <t>HASLER BUSINESS SYSTEMS</t>
  </si>
  <si>
    <t>PITNEY BOWES BATSUMI ENTERPRISE</t>
  </si>
  <si>
    <t>RFP 28/2011</t>
  </si>
  <si>
    <t>RFP 30/2011</t>
  </si>
  <si>
    <t>RFP 33/2011</t>
  </si>
  <si>
    <t>RFP 34/2011</t>
  </si>
  <si>
    <t>RFP 35/2011</t>
  </si>
  <si>
    <t>RFP 38/2011</t>
  </si>
  <si>
    <t>BYTES DOCUMENT SOLUTIONS</t>
  </si>
  <si>
    <t>THUTHUKANI PAPER</t>
  </si>
  <si>
    <t>THOKGOKO TRADING ENTERPRISES</t>
  </si>
  <si>
    <t>SIMANEX PTY LTD T/A PICK AND PAY HAMMANSKRAAL</t>
  </si>
  <si>
    <t>PEN ON PAPER</t>
  </si>
  <si>
    <t>MOTHEONG TRADING ENTERPRISES</t>
  </si>
  <si>
    <t>LUUSI PROJECTS</t>
  </si>
  <si>
    <t>LADYBIRD PROCUREMENT</t>
  </si>
  <si>
    <t>KARINA'S CONSTRUCTION &amp; PROJECTS</t>
  </si>
  <si>
    <t>JABATHA PAPER &amp; STATIONERY</t>
  </si>
  <si>
    <t>FIRST TECHNOLOGY</t>
  </si>
  <si>
    <t>WALTONS PTY LTD</t>
  </si>
  <si>
    <t>ATLANTIS SOUTH AFRICA</t>
  </si>
  <si>
    <t>PLATOON TRADE &amp; INVESTEMENTS</t>
  </si>
  <si>
    <t>SCARLET IBIS INVESTMENT</t>
  </si>
  <si>
    <t>OFFICE SPACE SOWETO PROTEA GLEN</t>
  </si>
  <si>
    <t>OFFICE SPACE SOWETO BARA</t>
  </si>
  <si>
    <t>JARRABILLA INVESTMENTS</t>
  </si>
  <si>
    <t>OFFICE SPACE NEWCASTLE</t>
  </si>
  <si>
    <t>RESA INVESTMENT</t>
  </si>
  <si>
    <t>MERGENCE AFRICA PROPERTY INVESTMENT</t>
  </si>
  <si>
    <t>OFFICE SPACE BOKSBURG</t>
  </si>
  <si>
    <t>BLUE BEACON INVESTMENTS</t>
  </si>
  <si>
    <t>DIPULA PROPERTY INVESTMENT</t>
  </si>
  <si>
    <t>OFFICE SPACE MITCHELLSPLAIN</t>
  </si>
  <si>
    <t>HVAC ALBERTON</t>
  </si>
  <si>
    <t>LAMACON AIRCONDITIONING</t>
  </si>
  <si>
    <t>BLESSED ENGINEERING SOLUTIONS</t>
  </si>
  <si>
    <t>COOL BREEZE AIRCONDITIONING AND REFREGERATION</t>
  </si>
  <si>
    <t xml:space="preserve">AIRLEC INDUSTRIAL REFRIGERATION &amp; AIRCONDITIONING </t>
  </si>
  <si>
    <t>AIROTEK ENGINEERING</t>
  </si>
  <si>
    <t>SHORT TERM INSURANCE BROKERAGE SERVICES</t>
  </si>
  <si>
    <t>GENERATORS MAINTENANCE</t>
  </si>
  <si>
    <t>XON SYSTEMS</t>
  </si>
  <si>
    <t>LITHENDO CONSULTING</t>
  </si>
  <si>
    <t>METABICA CONSULTING</t>
  </si>
  <si>
    <t>BRONKOMO ELECTRICAL</t>
  </si>
  <si>
    <t>DIESEL INNOVATIONS</t>
  </si>
  <si>
    <t>LAMUCON AIRCONDITIONING</t>
  </si>
  <si>
    <t>ZULULAND STEAM AFRICA T/A ADVANCED INDUSTRIAL TECHNOLOGY</t>
  </si>
  <si>
    <t>DIESEL ELECTRIC SERVICES</t>
  </si>
  <si>
    <t>SUPPLY AND DELIVERY OF PAPER</t>
  </si>
  <si>
    <t>TALJAARD MEYER EN STORMING</t>
  </si>
  <si>
    <t>VWV ENGINEERING ENTERPRISE</t>
  </si>
  <si>
    <t>ZWAKALA QUANTITY SURVEYORS</t>
  </si>
  <si>
    <t>LUNGI AFRIKA QUANTITY SURVEYORS</t>
  </si>
  <si>
    <t>PGA ARCHITECTS</t>
  </si>
  <si>
    <t>BILD ARCHITECTS</t>
  </si>
  <si>
    <t>EMPOWERISK MANAGEMENT SERVICES</t>
  </si>
  <si>
    <t>LUSHAKA CONSTRUCTION</t>
  </si>
  <si>
    <t>BW DESIGN CONSULTING ARCHITECTS</t>
  </si>
  <si>
    <t>DPV QUANTITY SURVEYORS AND PROJECT MANAGERS</t>
  </si>
  <si>
    <t>NEWTOWN LANDSCAPE ARCHITECTS</t>
  </si>
  <si>
    <t>DU TOIT EN PUTTER BLOEMFONTEIN BK</t>
  </si>
  <si>
    <t>IZIHAMBI TRADE AND INVESTMENT 19</t>
  </si>
  <si>
    <t>CHAUKE QUANTITY SURVEYORS AND PROJECT MANAGERS</t>
  </si>
  <si>
    <t>QS AFRICA CONSTRUCTION CONSULTANTS</t>
  </si>
  <si>
    <t>DKSA AND ASSOCIATES</t>
  </si>
  <si>
    <t>KOOR DINDAR MOTHEI GAUTENG</t>
  </si>
  <si>
    <t>MEG ARCHITECTS</t>
  </si>
  <si>
    <t>LDM CONSULTING</t>
  </si>
  <si>
    <t>TIME SPACE ARCHITECTS</t>
  </si>
  <si>
    <t>JC NEL AND PUTTER BOUREKENAARS</t>
  </si>
  <si>
    <t>DIKGABO CONSULTING ENGINEERS</t>
  </si>
  <si>
    <t>A EDERIES</t>
  </si>
  <si>
    <t>GXY ARCHITECTS</t>
  </si>
  <si>
    <t xml:space="preserve">DEVELOPMENT AND ENGINEERING CONSULTANTS </t>
  </si>
  <si>
    <t>BHAM TAYOB KHAN JHB</t>
  </si>
  <si>
    <t>MABKOL PROJECTS</t>
  </si>
  <si>
    <t>ACG ARCHITECTS</t>
  </si>
  <si>
    <t>SSI ENGINEERING AND ENVIRONMENTAL CONSULTANTS</t>
  </si>
  <si>
    <t>EH VAN DEN BERG T/A DNV QUANTITY SURVEYORS</t>
  </si>
  <si>
    <t>MGD CONSULTING ENGINEERS</t>
  </si>
  <si>
    <t>RAMCON</t>
  </si>
  <si>
    <t>SITHEMBILI CONSULTING CC T/A TIMES SQUARE</t>
  </si>
  <si>
    <t>BIGEN AFRICA SERVICES</t>
  </si>
  <si>
    <t>AYOB ISMAIL AND MAHOMEDY KZN</t>
  </si>
  <si>
    <t>CA DU TOIT (EDMS) BPK</t>
  </si>
  <si>
    <t>BRINKMAN NDAYI MCALL</t>
  </si>
  <si>
    <t>HPM CONSULTANTS</t>
  </si>
  <si>
    <t>QS PRO QUANTITY SURVEYORS</t>
  </si>
  <si>
    <t>E AFRCA COST MANAGEMENT CONSULTANTS</t>
  </si>
  <si>
    <t>NCM QUANTIITY SURVEYORS</t>
  </si>
  <si>
    <t>URBAN EDGE (GAUTENG)</t>
  </si>
  <si>
    <t>PMSA (PTY) LTD</t>
  </si>
  <si>
    <t>APT QUANTITY SURVEYORS</t>
  </si>
  <si>
    <t>ARC ARCHITECTURAL CONSULTANTS</t>
  </si>
  <si>
    <t>QUANTITY SURVEYOR 2000 PLUS</t>
  </si>
  <si>
    <t>MC LACHLAN DU PLOOY UPINGTON</t>
  </si>
  <si>
    <t>E SQUARE ENGINEERING</t>
  </si>
  <si>
    <t>KGA QUANTITY SURVEYORS</t>
  </si>
  <si>
    <t>FOCUS PROJECT MANAGEMENT A DIVISION OF CROWIE PROPERTY GROUP</t>
  </si>
  <si>
    <t>CSM CONSULTING SERVICES</t>
  </si>
  <si>
    <t>S'T NUBIAN ARCHITECTS</t>
  </si>
  <si>
    <t>PRENTAD QUANTITY SURVEYORS</t>
  </si>
  <si>
    <t>ENUMERATE CONSULTING</t>
  </si>
  <si>
    <t>SPOORMAKER AND PARTNERS INC</t>
  </si>
  <si>
    <t>QUALCONSUL QS CC JV EPE CATER AND ASSOCIATES QUANTITY SURVEYORS</t>
  </si>
  <si>
    <t>THEMBA CONSULTANTS</t>
  </si>
  <si>
    <t>GOBA (PTY) LTD</t>
  </si>
  <si>
    <t>DBI CONSORTIUM</t>
  </si>
  <si>
    <t>NAREN MISTRY ARCHITECTS CC T/A THE CREATIVE AXIS</t>
  </si>
  <si>
    <t>DIHLKASE CONSULTING ENGINEERS</t>
  </si>
  <si>
    <t>ENDECON UBUNTU</t>
  </si>
  <si>
    <t>ILANGALETHU CONSULT T/A R AND G CONSULTANTS</t>
  </si>
  <si>
    <t>PC- UNDINGO JOINT VENTURE</t>
  </si>
  <si>
    <t>ARIYA PROJECT MANAGERS</t>
  </si>
  <si>
    <t>MALANI PADAAYACHEE AND ASSOCIATES</t>
  </si>
  <si>
    <t>ONEZERO CONSULTING</t>
  </si>
  <si>
    <t>THEMBRIDGE SUPPORT SERTVICES</t>
  </si>
  <si>
    <t>TALANI QUANTITY SURVEYORS</t>
  </si>
  <si>
    <t>VMQ/BSC JOINT VENTURE BSC</t>
  </si>
  <si>
    <t>CP DE LEEUW JOHANNESBURG</t>
  </si>
  <si>
    <t>AECOM DAVIS LANGDON SA</t>
  </si>
  <si>
    <t>KMH ARCHITECTS</t>
  </si>
  <si>
    <t>PHUNGA CONSULTING ENGINEERS JV TSHETE PROJECT CONSULTANTS</t>
  </si>
  <si>
    <t>AB4 ARCHITECTS</t>
  </si>
  <si>
    <t>DNV BOUREKENAARS</t>
  </si>
  <si>
    <t>LAKHANYA QUANTITY SURVEYORS</t>
  </si>
  <si>
    <t>BOOGERTMAN + PARTNERS</t>
  </si>
  <si>
    <t>SOUTH AFRICAN VALUE EDUCATION</t>
  </si>
  <si>
    <t>PLANTECH CONSULTING ENGINEERS</t>
  </si>
  <si>
    <t>ARZIKI AYOKO TRADING ENTERPRISE</t>
  </si>
  <si>
    <t>CLARENCE BOBIE INCORPORATED</t>
  </si>
  <si>
    <t>MZANZI AFRICA CIVILS</t>
  </si>
  <si>
    <t>P D NAIDOO AND ASSOCIATES CONSULTING ENGINEERS</t>
  </si>
  <si>
    <t>ARCHI-M STUDIO</t>
  </si>
  <si>
    <t>ZUMA CONSTRUCTION</t>
  </si>
  <si>
    <t>THEBA CONSULTANTS AND QUALITY SURVEYORS</t>
  </si>
  <si>
    <t>NGEWU AND ASSOCIATES</t>
  </si>
  <si>
    <t>SAVUYA CONSULTING</t>
  </si>
  <si>
    <t>MODITI CONSULTING ENGINEERS</t>
  </si>
  <si>
    <t>SNS ENGINEERING AND CONSTRUCTION</t>
  </si>
  <si>
    <t>CO-ARC INTERNATIONAL ARCHITECTS</t>
  </si>
  <si>
    <t>KWIKCORP 135CC T/A DIBATE PROPERTY CONSULTANTS</t>
  </si>
  <si>
    <t>PROCUREMENT DYNAMICS</t>
  </si>
  <si>
    <t>MOLELE BUILDING MANAGEMENT</t>
  </si>
  <si>
    <t>EPE CATER AND ASSOCIATES QUANTITY SURVEYORS</t>
  </si>
  <si>
    <t>MNJIYA CONSULTING ENGINEERS</t>
  </si>
  <si>
    <t>LAMONGO TRANSPORT AND PROJECTS</t>
  </si>
  <si>
    <t>GRANITE PATTERNS TRADING AND PROJECTS</t>
  </si>
  <si>
    <t>ARCHIMATRIX CC</t>
  </si>
  <si>
    <t>PROFESSIONAL SERVICE FOR BUILDING ENVIRONMENT</t>
  </si>
  <si>
    <t>ESTABLISHMENT OF A LIST OF PRE-APPROVED TRANING SERVICE PROVIDERS FOR SARS</t>
  </si>
  <si>
    <t>IMM GRADUATE SCHOOL OF MARKETING</t>
  </si>
  <si>
    <t>EXPERIENTIAL TECHNOLOGIES</t>
  </si>
  <si>
    <t>THE HUMAN RESOURCE PRACTICE</t>
  </si>
  <si>
    <t>THE DA VINCI INSTITUTE FOR TECHNOLOGY MANAGEMENT</t>
  </si>
  <si>
    <t>AFRICAN UNION SKILLS DEVELOPMENT</t>
  </si>
  <si>
    <t>ISOLVE BUSINESS SOLUTIONS</t>
  </si>
  <si>
    <t>CANDICE MASCHEK</t>
  </si>
  <si>
    <t>CONNEMARA CONSULTING</t>
  </si>
  <si>
    <t xml:space="preserve">ASTRO TECH TRAINING </t>
  </si>
  <si>
    <t>REGENESYS MANAGEMENT</t>
  </si>
  <si>
    <t>DESIGN NETWORK ASSOCIATES</t>
  </si>
  <si>
    <t>COMPUWAYS CC</t>
  </si>
  <si>
    <t>COOL IDEAS (PTY) LTD</t>
  </si>
  <si>
    <t>TRAINING FORCE PROPRIETARY LIMITED</t>
  </si>
  <si>
    <t>THE VOICE CLINIC</t>
  </si>
  <si>
    <t>SIYANDZA SKILL DEVELEPMRNT</t>
  </si>
  <si>
    <t>BIZLIFE WELLNESS PTY LTD</t>
  </si>
  <si>
    <t>BYTES PEOPLE SOLUTIONS</t>
  </si>
  <si>
    <t>HLT ADVISORS PTY LTD T/A AFRICA INTERNATIONAL ADVISORS</t>
  </si>
  <si>
    <t>HAY GROUP</t>
  </si>
  <si>
    <t>THE INSTITUTE OF PEOPLE DEVELOPMENT</t>
  </si>
  <si>
    <t>ASYST INTELLIGENCE PTY LTD</t>
  </si>
  <si>
    <t>IMPIPI TECHNOLOGIES</t>
  </si>
  <si>
    <t>THE TRAINING EDGE</t>
  </si>
  <si>
    <t>SERVICE MONITOR MANAGEMENT</t>
  </si>
  <si>
    <t>COMMERCE EDGE SOUTH AFRICA</t>
  </si>
  <si>
    <t>WORKWISE CORPORATE TRANING SOLUTIONS &amp; BIZART</t>
  </si>
  <si>
    <t>GLOBAL MARITIME LEGAL SERVICES</t>
  </si>
  <si>
    <t>ALTIMAX TRAINING ACADEMY</t>
  </si>
  <si>
    <t>ASSESSMENT COLLEGE OF SOUTH AFRICA</t>
  </si>
  <si>
    <t>COLLEGE OF PEOPLE MANAGEMENT AND DEVELOPMEN</t>
  </si>
  <si>
    <t>TORQUE TECHNICAL COMPUTER TRAINING</t>
  </si>
  <si>
    <t>BUSINESS DEVELOPMENT CENTRE OF EXCELLENCE</t>
  </si>
  <si>
    <t>DYNAMIX LEARNING SOLUTIONS</t>
  </si>
  <si>
    <t>QUINTICA SA PTY LTD</t>
  </si>
  <si>
    <t>STRATEGIC SIMULATION SOLUTIONS</t>
  </si>
  <si>
    <t>MEDIA WORKS INTERACTIVE TUTOR CAPE</t>
  </si>
  <si>
    <t>QUBELISA ENTERPRISE EMPOWERMENT &amp; TRAINING</t>
  </si>
  <si>
    <t>PC EDUCATIONAL HOLDINGS</t>
  </si>
  <si>
    <t>TRAINING AND BUSINESS COLLEGE</t>
  </si>
  <si>
    <t>PEST CONTROL</t>
  </si>
  <si>
    <t>VENPHUTI BUSINESS SOLUTIONS</t>
  </si>
  <si>
    <t>ECO FIRST PEST PREVENTION AND HYGIENE</t>
  </si>
  <si>
    <t>EXACTUS CC PRESTENE HEALTH SERVICES</t>
  </si>
  <si>
    <t>HOME GAURDCLEANING SERVICES</t>
  </si>
  <si>
    <t>PEST REMEDY PC2P</t>
  </si>
  <si>
    <t>FUMIGATION WORX</t>
  </si>
  <si>
    <t>RENTOKIL INITIAL PTY LTD</t>
  </si>
  <si>
    <t>KATANGA PROPERTY CARE</t>
  </si>
  <si>
    <t>JJ &amp; D WOMENS TRADING ENTERPRISE T/A ECO HYGIENE</t>
  </si>
  <si>
    <t>SOMISANANG BUSINESS ENTERPRISES</t>
  </si>
  <si>
    <t>STEINER HYGIENE PTY LTD (WHOLE SUBSIDIARY OF BIDVEST)</t>
  </si>
  <si>
    <t>FILIGREE TRADING &amp; INVESTMENT 1042 PTY LTD T/A THE SPECIALIST CORPORATE SERVICES</t>
  </si>
  <si>
    <t>CRAISON HYGIENE</t>
  </si>
  <si>
    <t>COSMOS PEST CONTROL</t>
  </si>
  <si>
    <t>SERVEST PTY LTD</t>
  </si>
  <si>
    <t>SORIYANA TRADING ENTERPRISES</t>
  </si>
  <si>
    <t>MEGA TRAX TRADING 6CC T/A MEGATRAX INDUSTRIAL AND WEED CONTROL</t>
  </si>
  <si>
    <t>OFFICE FURNITURE</t>
  </si>
  <si>
    <t>NAP DESIGNS</t>
  </si>
  <si>
    <t>IMBIZO OFFICE FURNITURE</t>
  </si>
  <si>
    <t>GAUTENG MANUFACTURING AND TRADING</t>
  </si>
  <si>
    <t>TRENDY OFFICES WAREHOUSE</t>
  </si>
  <si>
    <t>DCI PILA SEKGONA</t>
  </si>
  <si>
    <t>GEO CLOUD</t>
  </si>
  <si>
    <t>INZUZO TRADING 509</t>
  </si>
  <si>
    <t>ILULA TRADING</t>
  </si>
  <si>
    <t>KWANELE BUSINESS CONSULTING</t>
  </si>
  <si>
    <t>CAPELLA DESIGNS AND DÉCOR</t>
  </si>
  <si>
    <t>MAGICODE (PTY) LTD T/A AYANDA BUSINESS SOLUTIONS</t>
  </si>
  <si>
    <t>OFFICE FURNITURE DIRECT NATIONAL</t>
  </si>
  <si>
    <t>OFF-MED FURNITURE AND MEDICAL WAREHOUSE</t>
  </si>
  <si>
    <t>COCO HAVEN T/A IMPUMELELO BUSINESS FURNITURE</t>
  </si>
  <si>
    <t>FURNITECH</t>
  </si>
  <si>
    <t>CARTERS METAL DÉCOR</t>
  </si>
  <si>
    <t>PRIME FURNITURE GROUP</t>
  </si>
  <si>
    <t>CECIL NURSE BUSINESS FURNITURE</t>
  </si>
  <si>
    <t>WOODCREATIONS</t>
  </si>
  <si>
    <t>TRADECORP</t>
  </si>
  <si>
    <t>REDROW CHOIRS</t>
  </si>
  <si>
    <t>GXAKWE'S PROJECTS</t>
  </si>
  <si>
    <t>PUBLIC PERCEPTION AND OPINION ON TAX COMPLIANCE</t>
  </si>
  <si>
    <t>TNS RESEARCH SURVEYS</t>
  </si>
  <si>
    <t>BMI RESEARCH</t>
  </si>
  <si>
    <t>BANZOBANONO TRADING &amp; PROJECTS</t>
  </si>
  <si>
    <t>TMS RESEARCH</t>
  </si>
  <si>
    <t>MARKDATA PTY LTD 1996/005173/07 IN ASSOCIATION WITH MEDIA TENOR</t>
  </si>
  <si>
    <t>THIRTY BY THIRTY MARKETING TECHNOLOGY</t>
  </si>
  <si>
    <t>TOPLINE RESEARCH SOLUTIONS</t>
  </si>
  <si>
    <t>ASK AFRIKA</t>
  </si>
  <si>
    <t>AFRICAN RESPONSE</t>
  </si>
  <si>
    <t>CONSULTA RESEARCH</t>
  </si>
  <si>
    <t>GROUND CONTROL CONNECT</t>
  </si>
  <si>
    <t>EPGC TRADING</t>
  </si>
  <si>
    <t>MTHENTE RESEARCH &amp; CONSULTING SERVICES</t>
  </si>
  <si>
    <t>NUTECH COMPANY LIMITED</t>
  </si>
  <si>
    <t>HISSCO SECURITY DETECTION PRODUCTS</t>
  </si>
  <si>
    <t>AFROPULSE 478 PTY LTD T/A LAND AND SEA SHIPPING</t>
  </si>
  <si>
    <t>R&amp;D SCREENING TECHNOLOGIES</t>
  </si>
  <si>
    <t>AFASIA TECVHNOLOGY SERVICES</t>
  </si>
  <si>
    <t>RETRONE ROAD &amp; TRAFFIC SOLUTIONS</t>
  </si>
  <si>
    <t>BASIX SCANNING TECHNOLOGIES</t>
  </si>
  <si>
    <t>HAB FIRE &amp; SECURITY T/A HAB INTERNATIONAL</t>
  </si>
  <si>
    <t>EXECUTIVE SCOUTING AND RELATIONSHIP MANAGEMENT</t>
  </si>
  <si>
    <t>BFC INTERNATIONAL</t>
  </si>
  <si>
    <t>AFRIZAN PERSONNEL</t>
  </si>
  <si>
    <t>VERSATEX CONSULTING 505</t>
  </si>
  <si>
    <t>PEOPLE PERFECT T/A TALENT AFRICA</t>
  </si>
  <si>
    <t>YUDELOWITZ SHANNON AND ASSOCIATES</t>
  </si>
  <si>
    <t>CUTTING EDGE HUMAN RESOURCES</t>
  </si>
  <si>
    <t>DELOITTE AND TOUCHE</t>
  </si>
  <si>
    <t>KELLY GROUP LIMITED T/A RENWICK TALENT</t>
  </si>
  <si>
    <t>AFFIRMATIVE PORTFOLIOS</t>
  </si>
  <si>
    <t>SILANA CONSULTING T/A FUSION CONSULTING</t>
  </si>
  <si>
    <t>LANDELAHNI BUSINESS LEADERS</t>
  </si>
  <si>
    <t>THE BOARDROOM ALLIANCE T/A HEIDRICK &amp; STRUGGLES</t>
  </si>
  <si>
    <t>MINDWORX CONSULTING</t>
  </si>
  <si>
    <t>HEAD-ON RECRUITMENT</t>
  </si>
  <si>
    <t>PANEL OF LEGAL ADVISORS/ATTORNEYS</t>
  </si>
  <si>
    <t>SB WOTSHELA &amp; ASSOCIATES</t>
  </si>
  <si>
    <t>NINGIZA HORNER INC</t>
  </si>
  <si>
    <t>MASIPA INC</t>
  </si>
  <si>
    <t>RACHOENE ATTORNEYS</t>
  </si>
  <si>
    <t>MASERUMULE INC</t>
  </si>
  <si>
    <t xml:space="preserve">CHIBA AND TOURAPI ATTORNEYS </t>
  </si>
  <si>
    <t>GARLICKE &amp; BOUSFIELD INC</t>
  </si>
  <si>
    <t>TONY TSHIVASE INCORPORATED</t>
  </si>
  <si>
    <t>DENGA INCOPORATED</t>
  </si>
  <si>
    <t>BOWMAN GILFIN</t>
  </si>
  <si>
    <t>KARSANS INCORPORATED</t>
  </si>
  <si>
    <t>RINA GUNTER T/A GUNTER ATTORNEYS</t>
  </si>
  <si>
    <t>SMITH TABATA ATTONEYS</t>
  </si>
  <si>
    <t>DENEYS REITZ INCORPORATED T/A</t>
  </si>
  <si>
    <t>POSWA INCOPORATED</t>
  </si>
  <si>
    <t>MASHIANE MOODLEY &amp; MONAMA</t>
  </si>
  <si>
    <t>TASMEEN MOOSA INC</t>
  </si>
  <si>
    <t>SELEBOGO INCOPORATED</t>
  </si>
  <si>
    <t>MACROBERT ATTORNEYS</t>
  </si>
  <si>
    <t>RAMATSHILA MUGERI ATTORNEYS</t>
  </si>
  <si>
    <t>MAKHUBELA ATTORNEYS</t>
  </si>
  <si>
    <t>MAHLANGU ATTORNEYS</t>
  </si>
  <si>
    <t>CLIFF DEKKER HOFMEYR INCOPORATED</t>
  </si>
  <si>
    <t>ROUTLEDGE MODISE ATTORNEYS</t>
  </si>
  <si>
    <t>MSIKINYA ATTORNEYS &amp; ASSOCIATES</t>
  </si>
  <si>
    <t>NTLOKWANA HERMAN VIKELA T/A NTLOKWANA</t>
  </si>
  <si>
    <t>S PADAYACHEE T/A LOMAS WALKER</t>
  </si>
  <si>
    <t>JOUBERT GALPIN SEARLE</t>
  </si>
  <si>
    <t>EDELSTEIN BOSMAN INC</t>
  </si>
  <si>
    <t>ILANGA LABOUR ASSOCIATES</t>
  </si>
  <si>
    <t>VAN ZYL LE ROUX</t>
  </si>
  <si>
    <t>MATSEPES INCORPORATED</t>
  </si>
  <si>
    <t>MASEPHULE DINGA CORMMERCIAL</t>
  </si>
  <si>
    <t>SHAMILA SINGH</t>
  </si>
  <si>
    <t>GILDENHUYS MALATJI ATTORNEYS</t>
  </si>
  <si>
    <t>NONGOGO NUKU INC</t>
  </si>
  <si>
    <t>MALEBYE MOTAUNG MTEMBU INC</t>
  </si>
  <si>
    <t>PHATSOANE HENNEY ATTORNEYS</t>
  </si>
  <si>
    <t>KEMP &amp; ASSOCIATES</t>
  </si>
  <si>
    <t xml:space="preserve">MOTHLE JOOMA SABDIA </t>
  </si>
  <si>
    <t>MALOKA THULARE ATTORNEYS</t>
  </si>
  <si>
    <t>YUSUF NAGDEE ATTORNEYS</t>
  </si>
  <si>
    <t>MJ RALEFATANE</t>
  </si>
  <si>
    <t>DYUSHU MAJEBE ATTORNEYS</t>
  </si>
  <si>
    <t>MLANGENI GASELA MAGAGWA INC</t>
  </si>
  <si>
    <t>NF MLABA ATTORNEYS</t>
  </si>
  <si>
    <t>NGUBANE &amp; PARTNERS</t>
  </si>
  <si>
    <t>HENLEK BK</t>
  </si>
  <si>
    <t>UPGRADING OF ELECTRICAL SYSTEM AT ANCORLEY BUILDING IN UPINGTON FOR SARS</t>
  </si>
  <si>
    <t>KZN BUILDING MAITENANCE</t>
  </si>
  <si>
    <t xml:space="preserve">KASTEN TRADING </t>
  </si>
  <si>
    <t>FIRE FLY TRANSPORTATION AND STATIONARY AND GENERAL MAINTENANCE</t>
  </si>
  <si>
    <t>SANS ELECTRICAL</t>
  </si>
  <si>
    <t>LAKHALAKHE 0902 GENERAL TRADING</t>
  </si>
  <si>
    <t>STARPLEX 561</t>
  </si>
  <si>
    <t>FESHAFESHA TRADING ENTERPRISE</t>
  </si>
  <si>
    <t>SMART SOLUTIONS</t>
  </si>
  <si>
    <t>THEDEL TRADING</t>
  </si>
  <si>
    <t>BUHLEBAKHE TRADING ENTERPRISE</t>
  </si>
  <si>
    <t>OKUHLEKODWA TRADING AND PROJECTS 139</t>
  </si>
  <si>
    <t>KHUCULA TRADING</t>
  </si>
  <si>
    <t>LIZONDI TRADING</t>
  </si>
  <si>
    <t>EE ELECTRICAL</t>
  </si>
  <si>
    <t>MPG PROJECTS CONSTRUCTION EXCELLENCE</t>
  </si>
  <si>
    <t>MLABA'S BUILDING AND CIVIL CONTRACTORS</t>
  </si>
  <si>
    <t>UPLIGHT TRADING</t>
  </si>
  <si>
    <t>BRYCINS GERNERAL MAINTENANCE</t>
  </si>
  <si>
    <t>DALAMANE TRADING</t>
  </si>
  <si>
    <t>CHACILA TRANDING</t>
  </si>
  <si>
    <t>ILULWANE CLASS CONTRACTING AND TRADING</t>
  </si>
  <si>
    <t>READY HOMES</t>
  </si>
  <si>
    <t>MAHWAPHUNA BUSINESS ENTERPRISE</t>
  </si>
  <si>
    <t>SYNERGY KZN TRADING</t>
  </si>
  <si>
    <t>NLM XABA TRADING AND PROJECTS</t>
  </si>
  <si>
    <t>NEW WORLD ENGINEERING &amp; CONSTRUCTION</t>
  </si>
  <si>
    <t>MARIUS FOURIE</t>
  </si>
  <si>
    <t>NEVCON CONSTRUCTION</t>
  </si>
  <si>
    <t>CHACILA TRANDING 812</t>
  </si>
  <si>
    <t>PHOFOLO PROJECTS</t>
  </si>
  <si>
    <t>AFRICAN SPEAR TRADING</t>
  </si>
  <si>
    <t>OSHUKU CONSTRUCTION SERVICES</t>
  </si>
  <si>
    <t>L &amp; A BUILDING &amp; PLUMBERS</t>
  </si>
  <si>
    <t>MAJID SHAIK PAINTERS &amp; RENOVATORS</t>
  </si>
  <si>
    <t>IMPILO CONSTRUCTION AND CIVILS</t>
  </si>
  <si>
    <t>KUYACHICHIMA TRAINNG AND SERVICES</t>
  </si>
  <si>
    <t>TECHNIQUE SHOPFITTERS</t>
  </si>
  <si>
    <t>BKEKZA'S TRADING ENTERPRISE</t>
  </si>
  <si>
    <t>SONENO PROJECT MANAGEMENT</t>
  </si>
  <si>
    <t>MG ELECTRICAL</t>
  </si>
  <si>
    <t>PRO ALUMINIUM AND GLASS</t>
  </si>
  <si>
    <t>UDUMO TRADING 294</t>
  </si>
  <si>
    <t>PTK PLUMBERS</t>
  </si>
  <si>
    <t>LDM FACILITIES MANAGEMENT SERVICES</t>
  </si>
  <si>
    <t>NON INTRUSIVE SCANNERS</t>
  </si>
  <si>
    <t>SUPPLY AND DELIVERY OF OFFICE STATIONERY TO SARS OFFICES</t>
  </si>
  <si>
    <t>PROVISION OF ASSESSMENTS AND ASSESSMENT TOOLS</t>
  </si>
  <si>
    <t>CREATIVE AGENCY FOR SARS MARKETING AND ADVERTISING SERVICES</t>
  </si>
  <si>
    <t>ANNUAL EMPLOYEE ENGAGEMENT SURVEY</t>
  </si>
  <si>
    <t>FRANKING MACHINES</t>
  </si>
  <si>
    <t>SUPPLY AND DELIVERY OF BOTTLED WATER</t>
  </si>
  <si>
    <t>CASE MANAGEMENT SYSTEM FOR INVESTIGATIONS</t>
  </si>
  <si>
    <t>PROVISION OF THE EMPLOYEE RECOGNITION &amp; AWARDS AND RELATED SERVICES</t>
  </si>
  <si>
    <t>DISTRIBUTION AND DELIVERY OF NEWSPAPERS AND MAGAZINES FOR SARS OFFICES</t>
  </si>
  <si>
    <t>MEDIA MONITORING</t>
  </si>
  <si>
    <t>ARMED RESPONSE</t>
  </si>
  <si>
    <t>LIPPY'S INTOUCH STATIONERS</t>
  </si>
  <si>
    <t>PEN ON PAPER DISTRIBUTORS</t>
  </si>
  <si>
    <t>LADYBIRD PROCUREMENT CC AND</t>
  </si>
  <si>
    <t>COST PLUS OFFICE SUPPLIES</t>
  </si>
  <si>
    <t>JOPIE VAN ROOYEN AND PARTNERS SA</t>
  </si>
  <si>
    <t>JVR CONSULTING PSYCHOLOGISTS</t>
  </si>
  <si>
    <t>LANDELAHNI ASSESSMENTS</t>
  </si>
  <si>
    <t>PRODUCTION MANAGEMNET INSTITUTE OF SOUTHERN AFRICA</t>
  </si>
  <si>
    <t>LEADTRAIN ASSESSMENTS</t>
  </si>
  <si>
    <t>TALENT CUBE</t>
  </si>
  <si>
    <t>THE RESOLVE GROUP</t>
  </si>
  <si>
    <t>JALA PEOPLE CONSULTING A DIVISION OF JALA GROUP</t>
  </si>
  <si>
    <t>MORUO BATHONG INVESTMENT</t>
  </si>
  <si>
    <t>TOP TALENT SOLUTIONS</t>
  </si>
  <si>
    <t>LATITUDE 26 PROJECT CONSULTING</t>
  </si>
  <si>
    <t>Y2K CUSTOMS CONSULTANTS</t>
  </si>
  <si>
    <t>BUSINESS ENTERPRISE UNIVERSITY OF PRETORIA</t>
  </si>
  <si>
    <t>SEABI PSCHOLOGICAL CONSULTING</t>
  </si>
  <si>
    <t>OMNICOR</t>
  </si>
  <si>
    <t>MACCAUVLEI LEARNING ACADEMY</t>
  </si>
  <si>
    <t>ASSESSMENTS CENTRE TECHNOLOGIES</t>
  </si>
  <si>
    <t>SHL SAVILLE AND HOLDSWORTH</t>
  </si>
  <si>
    <t>THE AGENCY FOR ADVERTISING AND MARKETING</t>
  </si>
  <si>
    <t>DRAFTFCB SOUTH AFRICA</t>
  </si>
  <si>
    <t>IDEA ENGINEERS</t>
  </si>
  <si>
    <t>THE SWITCH DESIGN COMPANY SA</t>
  </si>
  <si>
    <t>OGILVY SOUTH AFRICA</t>
  </si>
  <si>
    <t>LOWE BULL GAUTENG</t>
  </si>
  <si>
    <t>GREY GROUP SOUTH AFRICA</t>
  </si>
  <si>
    <t>MCCANN WORLD GROUP SOUTH AFRICA</t>
  </si>
  <si>
    <t>METROPOLITAN REPUBLIC T/A POINT BLANK TRADING 6</t>
  </si>
  <si>
    <t>INCE (PTY) LTD</t>
  </si>
  <si>
    <t>TBSP ADVERTISING &amp; MARKETING</t>
  </si>
  <si>
    <t>PUBLICIS JOHANNESBURG (PTY) LTD T/A MMS COMMUNICATIONS</t>
  </si>
  <si>
    <t>NERTHWORK BBDO</t>
  </si>
  <si>
    <t>TBWA HUNT LASCARIS (JOHANNESBURG)</t>
  </si>
  <si>
    <t>BLACK RIVER FOOTBALL CLUB</t>
  </si>
  <si>
    <t>J WALTER THOMPSON CO SA</t>
  </si>
  <si>
    <t>EURO RSCG SOUTH AFRICA</t>
  </si>
  <si>
    <t>DELOITTE AND TOUCHE T/A DELOITTE CONSULTING</t>
  </si>
  <si>
    <t>MAURICE KERRIGAN AFRICA</t>
  </si>
  <si>
    <t>SOFT CRAFT RESEARCH</t>
  </si>
  <si>
    <t>LAETOLI PTY LTD</t>
  </si>
  <si>
    <t>PRICE WATERHOUSE COOPERS</t>
  </si>
  <si>
    <t>ASK AFRICA PTY LTD</t>
  </si>
  <si>
    <t xml:space="preserve">SIYAKHA CONSULTING </t>
  </si>
  <si>
    <t>OMNICOR PTY LTD</t>
  </si>
  <si>
    <t>CONSULTA DISCOVER SCIENTIFIC RESEARCH</t>
  </si>
  <si>
    <t>MARKINOR T/A IPSOS MARKINOR</t>
  </si>
  <si>
    <t>GREATER CAPITAL</t>
  </si>
  <si>
    <t>FEM RESEARCH</t>
  </si>
  <si>
    <t>MTHENTE RESEARCH AND CONSULTING SERVICES</t>
  </si>
  <si>
    <t>QUEST RESEARCH AND CONSULTING SERVICES</t>
  </si>
  <si>
    <t>FOX RESEARCH SOLUTIONS</t>
  </si>
  <si>
    <t>BI CONSULT</t>
  </si>
  <si>
    <t>HAY GROUP SA</t>
  </si>
  <si>
    <t>FRAMA (PTY) LTD</t>
  </si>
  <si>
    <t>PUREAU FRESH WATER CO.</t>
  </si>
  <si>
    <t>OASIS CORPORATE DISPENSING</t>
  </si>
  <si>
    <t>WATERMAN 4 U</t>
  </si>
  <si>
    <t>AQUAZANIA</t>
  </si>
  <si>
    <t>KONDELELANE DISTRIBUTORS</t>
  </si>
  <si>
    <t>ACC TECH SYSTEMS</t>
  </si>
  <si>
    <t>SOFTWARE AG SOUTH AFRICA</t>
  </si>
  <si>
    <t>ONLINE INTELLIGENCE</t>
  </si>
  <si>
    <t>NVISION I.T</t>
  </si>
  <si>
    <t>BLACK STAR COMMUNICATIONS</t>
  </si>
  <si>
    <t>K2 WORKFLOW SOUTH AFRICA</t>
  </si>
  <si>
    <t>BYTES SYSTEMS INTEGRATION</t>
  </si>
  <si>
    <t>EOH MTHOMBO</t>
  </si>
  <si>
    <t>AFRIGIS</t>
  </si>
  <si>
    <t>SAS INSTITUTE</t>
  </si>
  <si>
    <t>HR COMPUTEK</t>
  </si>
  <si>
    <t>FARANANI I.T SERVICES</t>
  </si>
  <si>
    <t>INTENDA</t>
  </si>
  <si>
    <t>MICROSOFT SA</t>
  </si>
  <si>
    <t>NAMBITI</t>
  </si>
  <si>
    <t>ACCENTURE</t>
  </si>
  <si>
    <t>EDENRED SOUTH AFRICA</t>
  </si>
  <si>
    <t>GIFT BICKS</t>
  </si>
  <si>
    <t>WOW MARKETING SERVICES</t>
  </si>
  <si>
    <t>AA GROUP</t>
  </si>
  <si>
    <t>NGWANE SUPSCRIPTION &amp; BOOKS</t>
  </si>
  <si>
    <t>AVU-SAM GENERAL TRADING AND TOTAL HERITAGE TRADING</t>
  </si>
  <si>
    <t>JS STEEN T/A F &amp; J DISTRIBUTORS</t>
  </si>
  <si>
    <t>NEWSCLIP NMEDI MONITORING</t>
  </si>
  <si>
    <t>ACCELERATION MEDIA</t>
  </si>
  <si>
    <t>ORNICO GROUP</t>
  </si>
  <si>
    <t>MEDIA TENOR SOUTH AFRICA - INSTITUTE FOR MEDIA ANALYSIS CC T/A MEDIA TENOR SOUTH AFRICA</t>
  </si>
  <si>
    <t>LEXIS NEXIS</t>
  </si>
  <si>
    <t>ULWAZI PROTECTION SERVICES</t>
  </si>
  <si>
    <t>BIDVEST MAGNUM</t>
  </si>
  <si>
    <t>VIMBA GROUP HOLDING</t>
  </si>
  <si>
    <t>NATIONWIDE SECURITY</t>
  </si>
  <si>
    <t>SIYANGENA TECHNOLOGIES</t>
  </si>
  <si>
    <t>MBOVULA SECURITY</t>
  </si>
  <si>
    <t>PROTEA COIN GROUP</t>
  </si>
  <si>
    <t>RFP37/2013</t>
  </si>
  <si>
    <t>SECURITY SERVICES</t>
  </si>
  <si>
    <t>PHOLILE BUSINESS SOLUTIONS</t>
  </si>
  <si>
    <t>BANISILE SECURITIES SERVICES</t>
  </si>
  <si>
    <t>LEONDALE SECURITY SERVICES</t>
  </si>
  <si>
    <t>REVOLT COOPERATE SA</t>
  </si>
  <si>
    <t>NYENGELEZI TRADING</t>
  </si>
  <si>
    <t>VENUS SECURITY SOLUTIONS PTY LTD</t>
  </si>
  <si>
    <t>SSG SECURITY</t>
  </si>
  <si>
    <t>GROUND CONTROL SECURITY</t>
  </si>
  <si>
    <t>MAXI PHUMELELA SECURITY PTY LTD</t>
  </si>
  <si>
    <t>INDICO RISK SERVICES</t>
  </si>
  <si>
    <t>AZIZ &amp; CAROLINE SECURITY-AC REACTION UNIT</t>
  </si>
  <si>
    <t xml:space="preserve">EXECUTIVE DECISIONS </t>
  </si>
  <si>
    <t>ROYAL SECURITY CC</t>
  </si>
  <si>
    <t>UMKHOMBE SECURITY SERVICES</t>
  </si>
  <si>
    <t xml:space="preserve">SERVEST </t>
  </si>
  <si>
    <t>SA TOMPSONS SECHABA PROTECTION SERVICES</t>
  </si>
  <si>
    <t>SINQOBILE EQUESTRIAN SECURITY SERVICES</t>
  </si>
  <si>
    <t>FIDELITY SECURITY SERVICES</t>
  </si>
  <si>
    <t xml:space="preserve">VIMBA </t>
  </si>
  <si>
    <t>VHUGI PROTECTION SERVICES</t>
  </si>
  <si>
    <t>MARSHALL NIGHT SECURITY SERVICES</t>
  </si>
  <si>
    <t>MANELISI SECURITY SERVICES</t>
  </si>
  <si>
    <t>2RM SECURITY</t>
  </si>
  <si>
    <t>TACTICAL SECURITY SERVICES</t>
  </si>
  <si>
    <t>UNBEATABLE</t>
  </si>
  <si>
    <t>RFP07-2014</t>
  </si>
  <si>
    <t>MICROSOFT LICENSING SOLUTION PROVIDER (LSP)</t>
  </si>
  <si>
    <t>BYTES TECHNOLOGY GROUP SOUTH AFRICA PTY LTD</t>
  </si>
  <si>
    <t>DIMENSION DATA PTY LTD</t>
  </si>
  <si>
    <t>FIRST TECHNOLOGY PTY LTD</t>
  </si>
  <si>
    <t>BUSINESS CONNEXION PTY LTD</t>
  </si>
  <si>
    <t>RFP26/2013</t>
  </si>
  <si>
    <t>DEBT MANAGEMENT TRAINING PROGRAMMES FOR SARS</t>
  </si>
  <si>
    <t>COMPUSCAN ACADEMY</t>
  </si>
  <si>
    <t>SIYANDZA SKILLS DEVELOPMENT</t>
  </si>
  <si>
    <t>NTERACTIVE TECHNOLOGIES</t>
  </si>
  <si>
    <t>CHARTALL BUSINESS COLLEGE</t>
  </si>
  <si>
    <t xml:space="preserve">STAFFING DIRECT </t>
  </si>
  <si>
    <t>NOVATAC AFRICA</t>
  </si>
  <si>
    <t>iFUNDI</t>
  </si>
  <si>
    <t>RFP10/2014</t>
  </si>
  <si>
    <t>EARTHWORKS AND CIVILS @ MUSINA</t>
  </si>
  <si>
    <t>MANASI CIVILS CC</t>
  </si>
  <si>
    <t>KOTZE CIVILS</t>
  </si>
  <si>
    <t>CAPRICORN PIPE &amp; ACCESORIES</t>
  </si>
  <si>
    <t>MUDZUSI WARHUTALI CIVILS</t>
  </si>
  <si>
    <t>A &amp; MELE CIVIL CONSTRUCTION</t>
  </si>
  <si>
    <t>BLUE CAP TRADING &amp; PROJECTS</t>
  </si>
  <si>
    <t xml:space="preserve"> Tshwane Warehouse</t>
  </si>
  <si>
    <t>RFP 34/2013</t>
  </si>
  <si>
    <t xml:space="preserve">MUNT STREET PROPERTIES SHARE BLOCK PTY LTD </t>
  </si>
  <si>
    <t>MOMENTUM PROPERTY INVESTEMENT</t>
  </si>
  <si>
    <t xml:space="preserve">BRIANLEY PROPERTIES SHARE BLOCK PTY LTD </t>
  </si>
  <si>
    <t xml:space="preserve">STRATEGIC REAL ESTATE MANAGERS (PTY) LTD t/a EMIRA PROPERTY FUND </t>
  </si>
  <si>
    <t xml:space="preserve">M&amp;T COMMERCIAL FUND </t>
  </si>
  <si>
    <t xml:space="preserve">ANKE PROPERTIES </t>
  </si>
  <si>
    <t xml:space="preserve">NA PERRY T/A WORKSTATION OFFICE FURTNITURE </t>
  </si>
  <si>
    <t>Office Furniture Mitchelsplain</t>
  </si>
  <si>
    <t xml:space="preserve">STYLE CRAFT OFFICE DESIGN </t>
  </si>
  <si>
    <t xml:space="preserve">UKHUNI BUSINESS FURNITURE </t>
  </si>
  <si>
    <t xml:space="preserve">CHIPIT PTY LTD </t>
  </si>
  <si>
    <t xml:space="preserve">CO DESIGNS PTY LTD </t>
  </si>
  <si>
    <t xml:space="preserve">WALTONS PTY LTD </t>
  </si>
  <si>
    <t xml:space="preserve">REDROW OFFICE FURNITURE </t>
  </si>
  <si>
    <t xml:space="preserve">DITULO OFFICE DESIGN </t>
  </si>
  <si>
    <t xml:space="preserve">PRIME FURNITURE GROUP PTY LTD </t>
  </si>
  <si>
    <t xml:space="preserve">SIBANYE OFFICE SOLUTIONS </t>
  </si>
  <si>
    <t xml:space="preserve">SILVA EDGE OFFICE FURNITURE </t>
  </si>
  <si>
    <t xml:space="preserve">COCO HAVEN 1078 CC t/a IMPUMELELO BUSINESS FURNITURE </t>
  </si>
  <si>
    <t xml:space="preserve">OFFICE FURNITURE DIRECT NATIONAL </t>
  </si>
  <si>
    <t xml:space="preserve">MOON AND EARTH TRADING AND PROJECTS </t>
  </si>
  <si>
    <t xml:space="preserve">HIGH IMPACT MANUFATURING PTY LTD </t>
  </si>
  <si>
    <t xml:space="preserve">M AND F BUSINESS FURNITURE (PTY)LTD </t>
  </si>
  <si>
    <t>RFP14/2014</t>
  </si>
  <si>
    <t>SURVEY TO GAUGE PUBLIC OPINION ON TAX COMPLIANCE</t>
  </si>
  <si>
    <t>MASHAKA CONSULTING CC</t>
  </si>
  <si>
    <t>TNS RESEARCH SURVEYS PTY LTD</t>
  </si>
  <si>
    <t>KUTU CONSULTING CC</t>
  </si>
  <si>
    <t>CONSULTA RESEARCH PTY LTD</t>
  </si>
  <si>
    <t>IQ BUSINESS PTY LTD</t>
  </si>
  <si>
    <t>SAKAZA COMMUNICATIONS PTY LTD</t>
  </si>
  <si>
    <t>TRUE HARVEST PTY LTD</t>
  </si>
  <si>
    <t>MTHENTE RESEARCH AND CONSULTING</t>
  </si>
  <si>
    <t xml:space="preserve">TMS RESEARCH </t>
  </si>
  <si>
    <t>RFP 20/2014</t>
  </si>
  <si>
    <t>PROVISION OF ACCOMMODATION FOR THE OFFICE OF THE TAX OMBUD</t>
  </si>
  <si>
    <t>FAERIE GLEN WATERPARK PTY LTD</t>
  </si>
  <si>
    <t>GROWTHPOINT PROPERTIES LIMITED</t>
  </si>
  <si>
    <t xml:space="preserve">INVESTEC PROPERTIES </t>
  </si>
  <si>
    <t xml:space="preserve">LYNWOOD BRIDGE OFFICE PARK PTY LTD </t>
  </si>
  <si>
    <t>RFP 38/2013</t>
  </si>
  <si>
    <t>PROVISION OF TECHNICAL SECURITY SUPPORT SERVICES</t>
  </si>
  <si>
    <t>SMADA TECHNOLOGIES PTY LTD</t>
  </si>
  <si>
    <t>AST AFRICA TRADING 317  PTY LTD</t>
  </si>
  <si>
    <t>BRAINWAVE PROJECTS 1323 T/A I-VIEW INTERGRATED SYTEMS</t>
  </si>
  <si>
    <t>PROTEA COIN GROUP (SECURITY SERVICES) PTY LTD</t>
  </si>
  <si>
    <t>CENCOM PTY LTD</t>
  </si>
  <si>
    <t>PROVISION OF ATTACHEMATE AND SUPPORT SERVICE</t>
  </si>
  <si>
    <t>RFP 05/2015</t>
  </si>
  <si>
    <t>VCT IT INSIGHTS PTY LTD</t>
  </si>
  <si>
    <t>DATACENTRIX PTY LTD</t>
  </si>
  <si>
    <t>CMH VUWANI COMPUTER SOLUTIONS PTY LTD</t>
  </si>
  <si>
    <t>RFP 08/2015</t>
  </si>
  <si>
    <t>SUPPLY AND DELIVERY OF OFFICE FURNITURE FOR NEWCASTLE</t>
  </si>
  <si>
    <t>IDUMENI PROJECTS AND CONSULTING</t>
  </si>
  <si>
    <t>M AND F BUSINESS FURNITURE PTY LTD</t>
  </si>
  <si>
    <t>NAP DESIGNS PTY LTD</t>
  </si>
  <si>
    <t>IMPINDA PROJECTS PTY LTD</t>
  </si>
  <si>
    <t>CECIL NURSE A DIVISION OF BIDVEST PTY LTD</t>
  </si>
  <si>
    <t>RENABO FURNITURE AND PLASTIC MOULDER AND FURNITURE</t>
  </si>
  <si>
    <t>SKOSANA DESIGNS AND DIARIES</t>
  </si>
  <si>
    <t>ESIZWE TECHNOLOGY</t>
  </si>
  <si>
    <t>STYLECRAFT OFFICE DESIGNS</t>
  </si>
  <si>
    <t>REDROW CHAIRS CC</t>
  </si>
  <si>
    <t>GXAWE PROJECTS CC</t>
  </si>
  <si>
    <t>LANDMARK SHOPPING FITTERS</t>
  </si>
  <si>
    <t>NEWCASTLE OFFICE SHOP</t>
  </si>
  <si>
    <t>FAVOURITE STATIONERS</t>
  </si>
  <si>
    <t>DELTA PROPERTY</t>
  </si>
  <si>
    <t>CHASE STREET PROP</t>
  </si>
  <si>
    <t>BROLL PROP/VUKILE</t>
  </si>
  <si>
    <t>BLUE DOT PROPERTY</t>
  </si>
  <si>
    <t xml:space="preserve">BASEBENZI PROP HOLDINGS </t>
  </si>
  <si>
    <t>AHMED SULEMAN</t>
  </si>
  <si>
    <t>ALL TOP PROP</t>
  </si>
  <si>
    <t>VALERIEDA BELEGGINGS</t>
  </si>
  <si>
    <t>SKG PROPERTY/ SALDOSOL</t>
  </si>
  <si>
    <t>RAINBOW PLACE</t>
  </si>
  <si>
    <t>DUBE TRADE</t>
  </si>
  <si>
    <t>SCARAB DESIGN PTY LTD</t>
  </si>
  <si>
    <t>FAERIE GLEN WATER PARK</t>
  </si>
  <si>
    <t>OCTODEC INVEST</t>
  </si>
  <si>
    <t>JARRABILLA INVEST</t>
  </si>
  <si>
    <t>MATHCOMPT</t>
  </si>
  <si>
    <t>EMIRA PROPERTIES</t>
  </si>
  <si>
    <t>ZELPY 1494</t>
  </si>
  <si>
    <t>GROWTHPOINT</t>
  </si>
  <si>
    <t>SA DUTCH</t>
  </si>
  <si>
    <t>GEPF (PIC)</t>
  </si>
  <si>
    <t>JHI PROPERTIES</t>
  </si>
  <si>
    <t>SERBEAN MANUFACT</t>
  </si>
  <si>
    <t>TCORA/skg PROPERTIES</t>
  </si>
  <si>
    <t>STREET TALK TRADING</t>
  </si>
  <si>
    <t>FORTRESS COMMERCIAL INV</t>
  </si>
  <si>
    <t xml:space="preserve">WILLIE ROSSOUW </t>
  </si>
  <si>
    <t>VIVIDEND</t>
  </si>
  <si>
    <t xml:space="preserve">RFP 02/2013 </t>
  </si>
  <si>
    <t xml:space="preserve">MEDIA BASICS </t>
  </si>
  <si>
    <t xml:space="preserve">RFP 03/2013 </t>
  </si>
  <si>
    <t>ASSAGAI STRATEGIC INVESTMENT HOLDINGS</t>
  </si>
  <si>
    <t xml:space="preserve">ZASFIN CONSULTING </t>
  </si>
  <si>
    <t xml:space="preserve">ELULEKA CONSULTING </t>
  </si>
  <si>
    <t>NO BIDS WERE RECEIVED FOR THIS TENDER</t>
  </si>
  <si>
    <t>CLEANING SERVICES GAUTENG NORTH/LIMPOPO/KZN SUBMISSIONS</t>
  </si>
  <si>
    <t xml:space="preserve"> </t>
  </si>
  <si>
    <t>RFP02/2014</t>
  </si>
  <si>
    <t>RFP03/2014</t>
  </si>
  <si>
    <t>PROVISION OF TRAVEL MANAGEMENT AND RELATED SERVICES</t>
  </si>
  <si>
    <t>TOURVEST TRAVEL SERVICES A DIVISION OF TOURVEST HOLDINGS</t>
  </si>
  <si>
    <t>WINGS NALEDI CORPORATE TRAVEL PTY LTD</t>
  </si>
  <si>
    <t>CONNX TRAVEL</t>
  </si>
  <si>
    <t>TRAVEL WITH FLAIR</t>
  </si>
  <si>
    <t>RENNIES TRAVEL</t>
  </si>
  <si>
    <t>CLUB COPORATE TRAVEL</t>
  </si>
  <si>
    <t>DUMA TRAVEL</t>
  </si>
  <si>
    <t>GEMINI MOON TRADING 7 PTY LTD T/A XL LEXUS TRAVEL</t>
  </si>
  <si>
    <t>VALUE FINDER PTY LTD</t>
  </si>
  <si>
    <t>BATSUMI TRAVEL PTY LTD</t>
  </si>
  <si>
    <t>RFP12/2014</t>
  </si>
  <si>
    <t>PROVISION OF OFFICE SPACE AND TURNKEY FITOUT FOR SARS UITENHAGE BRACH OFFICE</t>
  </si>
  <si>
    <t>CYBERCOOL PTY LTD</t>
  </si>
  <si>
    <t>MN DOLLIE</t>
  </si>
  <si>
    <t>SMADA PROPERTIES</t>
  </si>
  <si>
    <t>RFP11/2014</t>
  </si>
  <si>
    <t xml:space="preserve">PROVISION OF OFFICE AND TURNKEY FITOUT FOR SARS RANDFONTEIN BRACH OFFICE </t>
  </si>
  <si>
    <t>RFP15/2014</t>
  </si>
  <si>
    <t>MHLABA NHLUVUKO DEVELOPMENT AND PROJECTS</t>
  </si>
  <si>
    <t>LUCANGO BUSINESS AFFAIRS CC</t>
  </si>
  <si>
    <t>NKHUDISENG CONSTRUCTION AND PROJECTS</t>
  </si>
  <si>
    <t>LEKHOTLA CONSTRUCTION</t>
  </si>
  <si>
    <t>BLUE SANDS TRADING 750</t>
  </si>
  <si>
    <t>KA-NTLE TRADING ENTERPRISES 52</t>
  </si>
  <si>
    <t>FANANG-DIATLA BUSINESS ENTERPRISE &amp; CONSTRUCTION</t>
  </si>
  <si>
    <t>HALIFAX GROUP PTY LTD</t>
  </si>
  <si>
    <t>NARE KGANO &amp; MATSOBANE &amp; KARABO JV</t>
  </si>
  <si>
    <t>P A LETSOALO CONSTRUCTION</t>
  </si>
  <si>
    <t>SOUTHERN GEOTEIC CC</t>
  </si>
  <si>
    <t>GABS CONSTRUCTION</t>
  </si>
  <si>
    <t>MUZUWA INVESTMENTS HOLDINGS</t>
  </si>
  <si>
    <t>RFP16/2014</t>
  </si>
  <si>
    <t>PROVISION OF MEDICAL SURVEILLANCE AND IMMUNISATION SERVICES</t>
  </si>
  <si>
    <t>ICAS EMPLOYEE &amp; ORGANISATION ENHANCEMENT SERVICES SA PTY LTD</t>
  </si>
  <si>
    <t>WORKFORCE HEALTHCARE PTY LTD</t>
  </si>
  <si>
    <t>OCCUPATIONAL CARE SA PTY LTD</t>
  </si>
  <si>
    <t>BARADI LE MORA PTY LTD T/A BRAEN HEALTH SERVICES</t>
  </si>
  <si>
    <t>PROACTIVE HEALTH SOLUTIONS PTY LTD</t>
  </si>
  <si>
    <t>TLAKULA OCCUPATIONAL HEALTH SERVICES PTY LTD</t>
  </si>
  <si>
    <t>PRIME CURE WELLNESS PTY LTD</t>
  </si>
  <si>
    <t>LIFEHEALTH CARE GROUP PTY LTD</t>
  </si>
  <si>
    <t>ODIRE CONSULTING SERVICES</t>
  </si>
  <si>
    <t>RFP19/2014</t>
  </si>
  <si>
    <t>ELECTRICAL WORKS AT CENTRAL GOVERNANCE BUILDING IN BLOEMFONTEIN</t>
  </si>
  <si>
    <t>GAVIN'S ELEC TRADING AS NICKS ELECTRICAL</t>
  </si>
  <si>
    <t>RAM ELECTRICAL &amp; CIVIL CONTRACTORS</t>
  </si>
  <si>
    <t xml:space="preserve">NAMASTHETHU ELECTRICAL </t>
  </si>
  <si>
    <t>IKAGENG ELECTRICAL CONTRACTORS</t>
  </si>
  <si>
    <t>ELECTRO TRUST ELECTRIESE KONTRAKTEUR</t>
  </si>
  <si>
    <t>PRO TEST ELECTRICAL NO 2</t>
  </si>
  <si>
    <t>SINOPA CONSTRUCTION &amp; PROJECTS PTY LTD</t>
  </si>
  <si>
    <t>MUDZUSI WAVHUTALI CIVILS</t>
  </si>
  <si>
    <t>C PRO VINO PTY LTD</t>
  </si>
  <si>
    <t>SHAMWARI MATLE-MAKOALE</t>
  </si>
  <si>
    <t>FV TRADING ENTERPRISES PTY LTD</t>
  </si>
  <si>
    <t>LEBELO FACILITIES MANAGEMENT</t>
  </si>
  <si>
    <t>DJ &amp; SS CLEANING SERVICES AND CONSTRUCTION</t>
  </si>
  <si>
    <t>MASANA-MASHOLD PROJECT PTY LTD</t>
  </si>
  <si>
    <t>TIRO CIVILS &amp; BUILDING CONSTRUCTORS</t>
  </si>
  <si>
    <t>MARLUX ENTERPRISES PTY LTD</t>
  </si>
  <si>
    <t>MBAHLENI TRADING</t>
  </si>
  <si>
    <t>LEMAY PAINTING &amp; RENOVATIONS</t>
  </si>
  <si>
    <t>KWENA MEETSENG CONSTRUCTION &amp; TRADING DENTERPRISES</t>
  </si>
  <si>
    <t>RFP21/2014</t>
  </si>
  <si>
    <t>REFURBISHMENT OF BLOCK C AT LEHAE LA SARS</t>
  </si>
  <si>
    <t>SINOPA CONSTRUCTION PROPERTY</t>
  </si>
  <si>
    <t>NOMPA TRADING ENTERPRISES</t>
  </si>
  <si>
    <t>TIRO CIVILS &amp; BUILDING CONTRACTORS</t>
  </si>
  <si>
    <t>THEMOLO BUSINESS ENTERPRISES</t>
  </si>
  <si>
    <t>C PRO VINO</t>
  </si>
  <si>
    <t>DDW MOAGO</t>
  </si>
  <si>
    <t xml:space="preserve">DAINAH &amp; JOYCE BUSINESS ENTERPRISES </t>
  </si>
  <si>
    <t xml:space="preserve">HILLPOT GENERAL DEALER </t>
  </si>
  <si>
    <t>NKOLELE PROJECTS CC</t>
  </si>
  <si>
    <t xml:space="preserve">CONSTANCE CONSTRUCTION </t>
  </si>
  <si>
    <t>RANTLE TRADING ENTERPRISES</t>
  </si>
  <si>
    <t>NUEL CONSTRUCTION &amp; PROJECTS</t>
  </si>
  <si>
    <t>MAOLELA BUSINESS ENTERPRISES</t>
  </si>
  <si>
    <t>MASANA-MASHOLS PROJECTS &amp; GENERAL TRADING</t>
  </si>
  <si>
    <t xml:space="preserve">REATHA ACQUISITION &amp; MANAGEMENT </t>
  </si>
  <si>
    <t>RFP22/2014</t>
  </si>
  <si>
    <t>GILBERANI CONSULTING</t>
  </si>
  <si>
    <t>REGENESYS MANAGEMENT PTY LTD</t>
  </si>
  <si>
    <t>MINDWORX CONSULTING PTY LTD</t>
  </si>
  <si>
    <t>KETLER INVESTEMENTS CC</t>
  </si>
  <si>
    <t xml:space="preserve">MANCOSA PTY LTD </t>
  </si>
  <si>
    <t>ATTE-THE TRAINING EDGE</t>
  </si>
  <si>
    <t>FORT-HARE TRADING SOLUTIONS</t>
  </si>
  <si>
    <t>MENTORING 4 SUCCES PTY LTD</t>
  </si>
  <si>
    <t>DESIGN AND DEVELOPMENT OF VARIOUS LEARNING PROGRAMMES</t>
  </si>
  <si>
    <t>RFP23/2014</t>
  </si>
  <si>
    <t>VESSELS AND RELATED SERVICES FOR SARS CUSTOMS</t>
  </si>
  <si>
    <t>NICHOLAS LANDZANAKIS</t>
  </si>
  <si>
    <t>CAMPING AND BOATING CENTRE</t>
  </si>
  <si>
    <t>MAGSEN MOTORS MARINE CC</t>
  </si>
  <si>
    <t>RFP26/2014</t>
  </si>
  <si>
    <t>CONSULTING SERVICES FOR REVIEW OF SARS OPERATING MODEL</t>
  </si>
  <si>
    <t>MCKINSEY &amp; COMPANY</t>
  </si>
  <si>
    <t>BAIN &amp; COMPANY</t>
  </si>
  <si>
    <t>ERNEST &amp; YOUNG</t>
  </si>
  <si>
    <t>RFP 29/2014</t>
  </si>
  <si>
    <t>RFP 34/2014</t>
  </si>
  <si>
    <t>TSHWANE WAREHOUSE</t>
  </si>
  <si>
    <t xml:space="preserve">APPOINTMENT OF APPROVED SERVICE PROVIDER/S FOR THE PROVISION OF SPACE FOR SARS REGIONALLY </t>
  </si>
  <si>
    <t>REDEFINE PROPERTIES</t>
  </si>
  <si>
    <t>MUNT STREET PROPERTIES SHARE BLOCK PTY LTD</t>
  </si>
  <si>
    <t>BRIANLEY PROPERTIES SHARE BLOCK PTY LTD</t>
  </si>
  <si>
    <t>EMIRA PROPERTY FUND</t>
  </si>
  <si>
    <t>M&amp;T COMMERCIAL FUND</t>
  </si>
  <si>
    <t>ANKE PROPERTIES</t>
  </si>
  <si>
    <t>RFP 28/2014</t>
  </si>
  <si>
    <t>APPOINTMENT OF SERVICE PROVIDER FOR TO ASSIST WITH THE DEVELOPMENT OF THE ANALYTICS FOR PAYE AND VAT</t>
  </si>
  <si>
    <t>KPMG SERVICES PTY LTD</t>
  </si>
  <si>
    <t>ERNEST AND YOUNG ADVISORY SERVICES</t>
  </si>
  <si>
    <t>ACCENTURE SOUTH AFRICA PTY LTD</t>
  </si>
  <si>
    <t>ISAZI CONSULTING PTY LTD</t>
  </si>
  <si>
    <t>MINDWORX CONSULTING PTY LYD</t>
  </si>
  <si>
    <t>MCKINSEY AND CO.</t>
  </si>
  <si>
    <t>RFP 30/2014</t>
  </si>
  <si>
    <t>MEDIA RELATIONS AND STAKEHOLDER ENGAGEMENT SERVICES</t>
  </si>
  <si>
    <t>WEBER SHADWICK A DIVISION MCCANN WORLD SA</t>
  </si>
  <si>
    <t>EPIC COMMUNICATIONS</t>
  </si>
  <si>
    <t>DONVALLEY BRAND MARKETING &amp; COMMUNICATIONS</t>
  </si>
  <si>
    <t>MOSHATE MEDIA</t>
  </si>
  <si>
    <t>BONNKE SHIPALANA</t>
  </si>
  <si>
    <t>MAHUMA ARTS AND COMMUNICATIONS</t>
  </si>
  <si>
    <t>MAGNA CARTA REPUTATION MANAGEMENT CONSULTANTS PTY LTD</t>
  </si>
  <si>
    <t>APPOINTMENT OF A SUITABLY QUALIFIED 5GB OR 4GBPE REFURBISH THE GROUND FLOOR BLOCK B LEHAE LA SARS</t>
  </si>
  <si>
    <t>RFP 29/2014/1</t>
  </si>
  <si>
    <t>PROPOSAL FOR THE PROVISION OF SPACE FOR SARS</t>
  </si>
  <si>
    <t>ZELPY PTY LTD</t>
  </si>
  <si>
    <t>CHEQUE INVESTMENTS PTY LTD</t>
  </si>
  <si>
    <t>DANDELTON INVESTMENTS PTY LTD</t>
  </si>
  <si>
    <t>BOSCH FAMILY TRUST</t>
  </si>
  <si>
    <t>ROODEWAL INVESTMENTS PTY LTD</t>
  </si>
  <si>
    <t>FALSETTA INVESTMENTS PTY LTD</t>
  </si>
  <si>
    <t>THABO D. MATHE</t>
  </si>
  <si>
    <t>FAITH OMPHEMETSE MATSHWARETEU</t>
  </si>
  <si>
    <t>TSHIFHULUFHELI SALPHINA MKOMBEZEKWA</t>
  </si>
  <si>
    <t>ATTACQ LTD</t>
  </si>
  <si>
    <t>TANEKK CC</t>
  </si>
  <si>
    <t>THE LEON DORFLING FAMILY TRUST</t>
  </si>
  <si>
    <t xml:space="preserve">KLEIN KAROO FONDS BPK </t>
  </si>
  <si>
    <t>TRIBECCA PROPERTY GROUP PTY LTD</t>
  </si>
  <si>
    <t>MINT FRESH TRADING 140 CC T/A PAM GOLDING NAMAQUALAND</t>
  </si>
  <si>
    <t xml:space="preserve">EMIRA PROPERTY FUND </t>
  </si>
  <si>
    <t>ODIRILE PETER SEITSHIRA</t>
  </si>
  <si>
    <t xml:space="preserve">MILONJI 6 DEVELOPMENT ENTERPRISE </t>
  </si>
  <si>
    <t>RFP 09/2015</t>
  </si>
  <si>
    <t>PROVISION OF MEDICAL SURVELLANCE AND IMMUNISATION FOR NORTHWEST AND LIMPOPO</t>
  </si>
  <si>
    <t>TLAKULA OCCUPATIONAL HEALTH SERVICES</t>
  </si>
  <si>
    <t xml:space="preserve">OHS CARE CC </t>
  </si>
  <si>
    <t>PRIME CURE HEALTH (PTY) LTD</t>
  </si>
  <si>
    <t>MISHUMO MEDICAL (PTY) LTD</t>
  </si>
  <si>
    <t>THE MERGENCE AFRICA PROPERTY INVESTMENT TRUST</t>
  </si>
  <si>
    <t>RFP 0009/2015</t>
  </si>
  <si>
    <t>PROVISION OF ASSETS IN TRANSIT SERVICES.</t>
  </si>
  <si>
    <t>G4S CASH SOLUTIONS SA PTY LTD</t>
  </si>
  <si>
    <t>FIDELITY CASH SOLUTIONS PTY LTD</t>
  </si>
  <si>
    <t>RFP 17/2015</t>
  </si>
  <si>
    <t>CONSULTANCY SERVICES FOR UPGRADING SAP BUSINESS (BW) WAREHOUSE FOR VERSION 7.0 TO 7.4</t>
  </si>
  <si>
    <t>GIJIMA HOLDINGS (PTY) LTD</t>
  </si>
  <si>
    <t>BRITEHOUSE SSD (PTY)LTD</t>
  </si>
  <si>
    <t>BARNSTONE CORPORATE  SERVICES (PTY) LTD</t>
  </si>
  <si>
    <t>T-SYSTEMS SOUTH AFRICA (PTY) LTD</t>
  </si>
  <si>
    <t>ERNEST &amp; YOUNG ADVISORY SERVICES (PTY) LTD</t>
  </si>
  <si>
    <t>SAGE INFORMATICS PTY LTD</t>
  </si>
  <si>
    <t>RFP 19/2015</t>
  </si>
  <si>
    <t>REFURBISHMENT OF NEW PIER STATE WAREHOUSE AT DURBAN</t>
  </si>
  <si>
    <t>GVK SIYA ZAMA BUILDING CONTRACTORS (PTY) LTD</t>
  </si>
  <si>
    <t>MUKONA/RADON JV</t>
  </si>
  <si>
    <t xml:space="preserve">RODPAUL CONSTRUCTION CC T/A RODS CONSTRUCTIONN </t>
  </si>
  <si>
    <t>CV SHOPFITTERS AND JOINERS CC T/A CV PROJECTS</t>
  </si>
  <si>
    <t>2C PROJECTS CC</t>
  </si>
  <si>
    <t>CIVMAQ PROJECTS (PTY) LTD</t>
  </si>
  <si>
    <t>C &amp; R CONTRACTORS KWAZULU CC</t>
  </si>
  <si>
    <t>AMBER SKIES TRADING CC</t>
  </si>
  <si>
    <t>RAPID BUILDERS AND CONTRACTORS CC</t>
  </si>
  <si>
    <t>RFP 18/2015</t>
  </si>
  <si>
    <t>DEMOLISH RECONSTRUCT AND REFURBISH THE GROUND FLOOR BLOCK E</t>
  </si>
  <si>
    <t>ELEV8 JV</t>
  </si>
  <si>
    <t xml:space="preserve">AST AFRICA </t>
  </si>
  <si>
    <t>ROOM WITH A VIEW CC</t>
  </si>
  <si>
    <t xml:space="preserve">GOQO BUSINESS ENTERPRISE </t>
  </si>
  <si>
    <t>SANCORP 80 TRADING CC</t>
  </si>
  <si>
    <t>BLUE SANDS TRADING 750 CC</t>
  </si>
  <si>
    <t>ANICON TRADING (PTY) LTD</t>
  </si>
  <si>
    <t>SAKHUMNOTHO</t>
  </si>
  <si>
    <t>HILLPET GENERAL DEALER CC</t>
  </si>
  <si>
    <t>SPRING LIGHTS 1357 CC</t>
  </si>
  <si>
    <t>TJ MOCHE BUILDERS CC</t>
  </si>
  <si>
    <t>MOKUNDI TRADING (PTY) LTD</t>
  </si>
  <si>
    <t>GDK CONSTRUCTION (PTY) LTD</t>
  </si>
  <si>
    <t>MST SOLUTIONS CC</t>
  </si>
  <si>
    <t>RFP20/2015</t>
  </si>
  <si>
    <t>REFURBISHMENT OF MUSINA WAREHOUSE</t>
  </si>
  <si>
    <t>SAPOTA BUSINESS ENTERPRISES (PTY)LTD</t>
  </si>
  <si>
    <t>TSHILINGANO CONSTRUCTION &amp; CLEANING</t>
  </si>
  <si>
    <t>MORIBO WA AFRICA TRADING ENTERPRISE 33</t>
  </si>
  <si>
    <t>HILLSITE TRADING &amp; PROJECTS CC</t>
  </si>
  <si>
    <t xml:space="preserve">MOTSARO CONSTRUCTION </t>
  </si>
  <si>
    <t xml:space="preserve">EURO BLITZ 1068 CC </t>
  </si>
  <si>
    <t xml:space="preserve">A AND MELE CIVIL CONSTRUCTION </t>
  </si>
  <si>
    <t xml:space="preserve">AMICON (PTY) LTD </t>
  </si>
  <si>
    <t>TSHWELAPILE, LOW FLOW &amp; MOKGOLOKWANE CIVIL JOINT</t>
  </si>
  <si>
    <t xml:space="preserve">BONO INFRASTRUCTURE FACILITIES &amp; PROJECT MANAGEMENT </t>
  </si>
  <si>
    <t>HALIFAX SUPPLIES, THOPA CIVIL CONSTRUCTION CC &amp; THIPE INVESTMENT HOLDING (PTY) LTD JV</t>
  </si>
  <si>
    <t xml:space="preserve">LIZZY JANE CATERING &amp; PROJECTS </t>
  </si>
  <si>
    <t>RFP 28/2015</t>
  </si>
  <si>
    <t>PROPOSAL FOR THE APPOINTMENT OF A PANEL OF DEBT COLLECTION SERVICE PROVIDERS</t>
  </si>
  <si>
    <t xml:space="preserve">ZANDILE MANAGEMENT SERVICES </t>
  </si>
  <si>
    <t>FUSION ASSET RECOVERIES (PTY) LTD</t>
  </si>
  <si>
    <t>ASILI RISK MANAGEMENT (PTY) LTD</t>
  </si>
  <si>
    <t>SUSTAINABLE COLLECTION SERVICES (PTY) LTD</t>
  </si>
  <si>
    <t>CREDIT INTELLIGENCE (PTY) LTD</t>
  </si>
  <si>
    <t>CONFIRM DIRECT CALL CENTRE (PTY) LTD</t>
  </si>
  <si>
    <t xml:space="preserve">NDS CREDIT MANAGEMENT </t>
  </si>
  <si>
    <t>HAHN COLLECTIONS (PTY) LTD</t>
  </si>
  <si>
    <t>NGIKHONA DEBT AND RECOVERY (PTY) LTD</t>
  </si>
  <si>
    <t xml:space="preserve">BAS COLLECTORS &amp; CORRECTORS (PTY) LTD </t>
  </si>
  <si>
    <t>NEW INTEGRATED CREDIT CREDIT SOLUTIONS (PTY) LTD</t>
  </si>
  <si>
    <t xml:space="preserve">REVENUE CONSULTING (PTY) LTD </t>
  </si>
  <si>
    <t xml:space="preserve">BALIMI BARUI TRADING (PTY) LTD T/A BBT CAPITAL </t>
  </si>
  <si>
    <t xml:space="preserve">PHAKAMANI DEBT COLLECTION SERVICES </t>
  </si>
  <si>
    <t>AFRICOLLECT (PTY) LTD</t>
  </si>
  <si>
    <t>VAN DE VENTER MOJAPELO (PTY) LTD T/A VVM DEBT COLLECTORS</t>
  </si>
  <si>
    <t>VAN RHYNS ATTORNEYS</t>
  </si>
  <si>
    <t xml:space="preserve">HYBRID COLLECTIONS </t>
  </si>
  <si>
    <t>LOUW GENIS &amp; RAJOO INCORPORATED</t>
  </si>
  <si>
    <t xml:space="preserve">TIM RISK MANAGEMENT </t>
  </si>
  <si>
    <t xml:space="preserve">LERATO MOABELO T/A LWM DEBT RECOVERY </t>
  </si>
  <si>
    <t>CREDIT RECOVERY MANAGEMENT SERVICES</t>
  </si>
  <si>
    <t>MBD CREDIT SOLUTIONS (PTY) LTD</t>
  </si>
  <si>
    <t xml:space="preserve">BRIAN BLIGNAUT ATTORNEYS </t>
  </si>
  <si>
    <t>BLAKE &amp; ASSOCIATES (PTY) LTD</t>
  </si>
  <si>
    <t>ITC BUSINESS ADMINISTRATORS (PTY) LTD</t>
  </si>
  <si>
    <t xml:space="preserve">NUDEBT MANAGEMENT (PTY) LTD </t>
  </si>
  <si>
    <t xml:space="preserve">SHAPIRO SHAIK DEFRIES &amp; ASSOCIATES (PTY) LTD </t>
  </si>
  <si>
    <t xml:space="preserve">DEBT-IN CONSULTANTS (PTY) LTD </t>
  </si>
  <si>
    <t xml:space="preserve">BHAM AND DAHYA CC </t>
  </si>
  <si>
    <t>IN-QUEST INVESTIGATIONS (PTY) LTD</t>
  </si>
  <si>
    <t>CSS CREDIT SOLUTIONS SERVICES (PTY) LTD</t>
  </si>
  <si>
    <t xml:space="preserve">BARRISFORD BRENT PETERSEN LAW INC. </t>
  </si>
  <si>
    <t xml:space="preserve">MOGASWA INCORPORATED </t>
  </si>
  <si>
    <t>MEDACO CAPITAL SERVICES (PTY) LTD</t>
  </si>
  <si>
    <t xml:space="preserve">SMITH TABATHA INC. </t>
  </si>
  <si>
    <t xml:space="preserve">NORMAN BISSET &amp; ASSOCIATES GROUP (PTY) LTD </t>
  </si>
  <si>
    <t xml:space="preserve">LEKGOTLA TRIFECTA CONSORTIUM </t>
  </si>
  <si>
    <t xml:space="preserve">T.J. MAODI INCORPORATED </t>
  </si>
  <si>
    <t>RFP21/2015</t>
  </si>
  <si>
    <t>REFURBISHMENT AND INTERNAL FIT-OUT OF THE CAPE TOWN STATE WAREHOUSE</t>
  </si>
  <si>
    <t>CAPE ISLAND CONSTRUCTION (PTY) LTD</t>
  </si>
  <si>
    <t>ATUBA CONSTRUCTION (PTY) LTD</t>
  </si>
  <si>
    <t>THE CONSTRUCTION CO.</t>
  </si>
  <si>
    <t>EDEL CONSTRUCTION (PTY) LTD</t>
  </si>
  <si>
    <t>BASE MAJOR CONSTRUCTION (PTY) LTD</t>
  </si>
  <si>
    <t>RFP 03/2015</t>
  </si>
  <si>
    <t>PROCUREMENT,MAINTENANCE AND SUPPORT SERVICES FOR BULK DOCUMENT SCANNING EQUIPMENT</t>
  </si>
  <si>
    <t>DITRO IT RESOURCE SERVICES</t>
  </si>
  <si>
    <t xml:space="preserve">IMAGECARE TECHNICAL SERVICES (PTY) LTD &amp; SIZWE </t>
  </si>
  <si>
    <t>RFP33/2015</t>
  </si>
  <si>
    <t xml:space="preserve">PROPOSAL FOR THE PROVISION OF SPACE IN GEOGRE, WESTERN CAPE </t>
  </si>
  <si>
    <t xml:space="preserve">TRIBECCA PROPERTY GROUP (PTY) LTD </t>
  </si>
  <si>
    <t>SWANVEST 11 (PTY) LTD</t>
  </si>
  <si>
    <t>RAINBOW PLACE PROPERTIES 29 (PTY) LTD</t>
  </si>
  <si>
    <t>RFP 15/2015</t>
  </si>
  <si>
    <t>PROVISION OF EMPLOYEE ENGAGEMENT SURVEY FOR SARS</t>
  </si>
  <si>
    <t>PURE SURVEY (PTY) LTD</t>
  </si>
  <si>
    <t>EOH HUMAN CAPITAL SOLUTIONS (PTY) LTD</t>
  </si>
  <si>
    <t>DELOITTE CONSULTING (PTY) LTD</t>
  </si>
  <si>
    <t>TNS RESEARCH SURVEYS (PTY) LTD</t>
  </si>
  <si>
    <t>SHARED SERVICES INVESTMENTS (PTY) LTD</t>
  </si>
  <si>
    <t>WORK DYNAMICS (PTY) LTD</t>
  </si>
  <si>
    <t>INSPIARTION OFFICE INTERNATIONAL</t>
  </si>
  <si>
    <t>ASK AFRICA</t>
  </si>
  <si>
    <t>DEVELOPMENTNOMICS (PTY) LTD</t>
  </si>
  <si>
    <t>FRESH THINKING CAPITAL (PTY) LTD</t>
  </si>
  <si>
    <t>DIGITAL REPUBLIC CONSULTING</t>
  </si>
  <si>
    <t>HAY GROUP SOUTH AFRICA (PTY) LTD</t>
  </si>
  <si>
    <t>AV BALOYI CONSULTING</t>
  </si>
  <si>
    <t>IPSOS SOUTH AFRICA (PTY) LTD</t>
  </si>
  <si>
    <t>RFP23/2015</t>
  </si>
  <si>
    <t>ACCOMODATION SPRINGBOK LEPHALALE QUEENSTOWN</t>
  </si>
  <si>
    <t>DIPULA PROPERTY INVESTMENT TRUST</t>
  </si>
  <si>
    <t xml:space="preserve">STREET TALK TRADING 161 </t>
  </si>
  <si>
    <t>TRIBECCA PROPERTY GROUP (PTY) LTD</t>
  </si>
  <si>
    <t>RFI 01/2015</t>
  </si>
  <si>
    <t>MODISE MODISE LEGAL PRACTITIONERS</t>
  </si>
  <si>
    <t>PIETER HENK STRYDOM (STRYDOM &amp; BREDENKAMP)</t>
  </si>
  <si>
    <t xml:space="preserve">DHANESVARIN APPAVOO C/O DIREDIN CONSULTING </t>
  </si>
  <si>
    <t>BASAMANDLA CONSULTING (PTY) LTD</t>
  </si>
  <si>
    <t>CLOETE MURRAY (SECHABA TRUST PTY LTD)</t>
  </si>
  <si>
    <t>EUGENEL NEL (BERRANGE INCORPORATED)</t>
  </si>
  <si>
    <t>JOHAN FRANCOIS ENGELBRECHT</t>
  </si>
  <si>
    <t>ZEENA BUSINESS RECOVERY &amp; ADMINISTRATION (PTY) LTD</t>
  </si>
  <si>
    <t>SADL CONSULTING SERVICES</t>
  </si>
  <si>
    <t>JAN HENDRIK VAN ROOYEN</t>
  </si>
  <si>
    <t>J.M DAMONS</t>
  </si>
  <si>
    <t>SHAWN WILLIAMS</t>
  </si>
  <si>
    <t>SIZWE NTSALUBA GOBODO ADVISORY SERVICES (PTY) LTD</t>
  </si>
  <si>
    <t>THANDUXOLO SIDONDI ATTORNEYS SERVICES (PTY) LTD</t>
  </si>
  <si>
    <t>SEAN CHRISTENSE (KPMG SERVICES PTY LTD)</t>
  </si>
  <si>
    <t>SHIRISH KALIAN ATTORNEYS</t>
  </si>
  <si>
    <t>LB SAFFY (HONEY &amp; PARTNERS INCORPORATED)</t>
  </si>
  <si>
    <t>TP MUDZUSI (HONEY &amp; PARTNERS INCORPORATED)</t>
  </si>
  <si>
    <t>STEPHAN PHILLIP ENGELBRECHT (FABRICIUS &amp; ENGELBRECHT ATTORNEYS INCORPORATED)</t>
  </si>
  <si>
    <t>ROLAND FABRICIUS (FABRICIUS &amp; ENGELBRECHT ATTORNEYS INCORPORATED)</t>
  </si>
  <si>
    <t>A PANEL OF RECOMMENDED CURATOR BONII</t>
  </si>
  <si>
    <t>RFP 13/2015</t>
  </si>
  <si>
    <t>ACQUISITION OF FORKLIFTS AND INDUSTRIAL SHREDDERS FOR SARS STATE WAREHOUSE</t>
  </si>
  <si>
    <t>TRIPLE M SUPERIOR CONSTRUCTION PROJECT MANAGEMENT (PTY) LTD</t>
  </si>
  <si>
    <t>I4 INFRABURO ENGINEERING AND CONSULTANCY (PTY) LTD</t>
  </si>
  <si>
    <t>THE BIDVEST GROUP LTD</t>
  </si>
  <si>
    <t>DEZZO EQUIPMENT (PTY) LTD</t>
  </si>
  <si>
    <t>FANTASY PROJECTS AND SERVICE CC</t>
  </si>
  <si>
    <t>RFP 31/2015</t>
  </si>
  <si>
    <t>PROVISION OF INCAPACITY LEAVE AND ILL HEALTH RETIREMENT</t>
  </si>
  <si>
    <t>THANDLE HEALTH RISK MANAGEMENT</t>
  </si>
  <si>
    <t>SOMA INITIATIVE (PTY) LTD</t>
  </si>
  <si>
    <t>ALEXANDER FORBES HEALTH (PTY) LTD</t>
  </si>
  <si>
    <t>METROPOLITAN HEALTH RISK MANAGEMENT (PTY) LTD</t>
  </si>
  <si>
    <t>PROACTIVE HEALTH SOLUTION</t>
  </si>
  <si>
    <t>NBC HOLDINGS (PTY) LTD</t>
  </si>
  <si>
    <t>SOUTH AFRICAN QUANTUM CONSULTANTS AND ACTUARIES (PTY) LTD</t>
  </si>
  <si>
    <r>
      <t xml:space="preserve">NEXIA SAB &amp; T:
</t>
    </r>
    <r>
      <rPr>
        <sz val="11"/>
        <color theme="1"/>
        <rFont val="Calibri"/>
        <family val="2"/>
        <scheme val="minor"/>
      </rPr>
      <t>BASHIER ADAM 
HASSEN KAJIE 
MUHAMMED FAZEL SULAMAN
ANEEL DARMALINGAM
KISHOR NATHOO RAMA
HERMAN VAN DER MERWE 
YOUSUF MOHAMED HASSEN 
SOPHOCLES CHARALAMBOUS(NEXIA SAB &amp; T)</t>
    </r>
  </si>
  <si>
    <t xml:space="preserve"> (</t>
  </si>
  <si>
    <r>
      <t xml:space="preserve">
PRICE WATERHOUSE COOPERS INCORPORATED:
</t>
    </r>
    <r>
      <rPr>
        <sz val="11"/>
        <color theme="1"/>
        <rFont val="Calibri"/>
        <family val="2"/>
        <scheme val="minor"/>
      </rPr>
      <t xml:space="preserve">TREVOR SEAN WHITE
MALCOM NEIL CAMPBELL </t>
    </r>
    <r>
      <rPr>
        <b/>
        <sz val="11"/>
        <color theme="1"/>
        <rFont val="Calibri"/>
        <family val="2"/>
        <scheme val="minor"/>
      </rPr>
      <t xml:space="preserve">
</t>
    </r>
    <r>
      <rPr>
        <sz val="11"/>
        <color theme="1"/>
        <rFont val="Calibri"/>
        <family val="2"/>
        <scheme val="minor"/>
      </rPr>
      <t xml:space="preserve">LOUIS STRYDOM </t>
    </r>
    <r>
      <rPr>
        <b/>
        <sz val="11"/>
        <color theme="1"/>
        <rFont val="Calibri"/>
        <family val="2"/>
        <scheme val="minor"/>
      </rPr>
      <t xml:space="preserve">
</t>
    </r>
  </si>
  <si>
    <t xml:space="preserve">RIC MARTIN INCORPORATED
</t>
  </si>
  <si>
    <t>RFP35/2015</t>
  </si>
  <si>
    <t>CUSTOMS HOUSE DURBAN WATERPROOFING</t>
  </si>
  <si>
    <t>AQUAPROOF PROJECTS</t>
  </si>
  <si>
    <t xml:space="preserve">LDN CONCRETE AND WATERPROOFING SPECIALISTS </t>
  </si>
  <si>
    <t>A PANEL OF RECOMMENDED CURATOR BONNI</t>
  </si>
  <si>
    <r>
      <rPr>
        <b/>
        <sz val="11"/>
        <color theme="1"/>
        <rFont val="Calibri"/>
        <family val="2"/>
        <scheme val="minor"/>
      </rPr>
      <t>NEXIA SAB&amp;T:</t>
    </r>
    <r>
      <rPr>
        <sz val="11"/>
        <color theme="1"/>
        <rFont val="Calibri"/>
        <family val="2"/>
        <scheme val="minor"/>
      </rPr>
      <t xml:space="preserve"> 
BASHIER ADAM
HASSEN KAJIE
MUHAMMED FAZEL SULAMAN
ANEEL DARMALINGAM
KISHOR NATHOO RAMA
HERMAN VAN DER MERWE
YOUSUF MOHAMED HASSEN
SOPHOCLES CHARALAMBOUS
</t>
    </r>
  </si>
  <si>
    <r>
      <rPr>
        <b/>
        <sz val="11"/>
        <color theme="1"/>
        <rFont val="Calibri"/>
        <family val="2"/>
        <scheme val="minor"/>
      </rPr>
      <t>PRICE WATERHOUSE COOPERS INCORPORATED:</t>
    </r>
    <r>
      <rPr>
        <sz val="11"/>
        <color theme="1"/>
        <rFont val="Calibri"/>
        <family val="2"/>
        <scheme val="minor"/>
      </rPr>
      <t xml:space="preserve">
TREVOR SEAN WHITE
MALCOM NEIL CAMPBELL
LOUIS STRYDOM </t>
    </r>
  </si>
  <si>
    <r>
      <rPr>
        <b/>
        <sz val="11"/>
        <color theme="1"/>
        <rFont val="Calibri"/>
        <family val="2"/>
        <scheme val="minor"/>
      </rPr>
      <t>RIC MARTIN INCORPORATED:</t>
    </r>
    <r>
      <rPr>
        <sz val="11"/>
        <color theme="1"/>
        <rFont val="Calibri"/>
        <family val="2"/>
        <scheme val="minor"/>
      </rPr>
      <t xml:space="preserve">
CORNELIS JACOBUS ALANT</t>
    </r>
  </si>
  <si>
    <r>
      <rPr>
        <b/>
        <sz val="11"/>
        <color theme="1"/>
        <rFont val="Calibri"/>
        <family val="2"/>
        <scheme val="minor"/>
      </rPr>
      <t>STRYDOM &amp; BREDENKAMP:</t>
    </r>
    <r>
      <rPr>
        <sz val="11"/>
        <color theme="1"/>
        <rFont val="Calibri"/>
        <family val="2"/>
        <scheme val="minor"/>
      </rPr>
      <t xml:space="preserve">
PIETER HENK STRYDOM</t>
    </r>
  </si>
  <si>
    <t>DHANESVARIN APPAVOO C/O DREDIN CONSULTING</t>
  </si>
  <si>
    <r>
      <rPr>
        <b/>
        <sz val="11"/>
        <color theme="1"/>
        <rFont val="Calibri"/>
        <family val="2"/>
        <scheme val="minor"/>
      </rPr>
      <t>SECHABA TRUST (PTY) LTD:</t>
    </r>
    <r>
      <rPr>
        <sz val="11"/>
        <color theme="1"/>
        <rFont val="Calibri"/>
        <family val="2"/>
        <scheme val="minor"/>
      </rPr>
      <t xml:space="preserve">
CLOETE MURRAY </t>
    </r>
  </si>
  <si>
    <r>
      <rPr>
        <b/>
        <sz val="11"/>
        <color theme="1"/>
        <rFont val="Calibri"/>
        <family val="2"/>
        <scheme val="minor"/>
      </rPr>
      <t>BERRANGE INCORPORATED:</t>
    </r>
    <r>
      <rPr>
        <sz val="11"/>
        <color theme="1"/>
        <rFont val="Calibri"/>
        <family val="2"/>
        <scheme val="minor"/>
      </rPr>
      <t xml:space="preserve">
EUGENE NEL</t>
    </r>
  </si>
  <si>
    <t>J.M. DAMONS</t>
  </si>
  <si>
    <t xml:space="preserve">SHAWN WILLIAMS </t>
  </si>
  <si>
    <t>THANDUXOLO SIDONDI ATTORNEYS (PTY) LTD</t>
  </si>
  <si>
    <r>
      <rPr>
        <b/>
        <sz val="11"/>
        <color theme="1"/>
        <rFont val="Calibri"/>
        <family val="2"/>
        <scheme val="minor"/>
      </rPr>
      <t>KPMG SERVICES (PTY) LTD:</t>
    </r>
    <r>
      <rPr>
        <sz val="11"/>
        <color theme="1"/>
        <rFont val="Calibri"/>
        <family val="2"/>
        <scheme val="minor"/>
      </rPr>
      <t xml:space="preserve">
SEAN CHRISTENSEN</t>
    </r>
  </si>
  <si>
    <r>
      <rPr>
        <b/>
        <sz val="11"/>
        <color theme="1"/>
        <rFont val="Calibri"/>
        <family val="2"/>
        <scheme val="minor"/>
      </rPr>
      <t>HONEY &amp; PARTNERS INCORPORATED:</t>
    </r>
    <r>
      <rPr>
        <sz val="11"/>
        <color theme="1"/>
        <rFont val="Calibri"/>
        <family val="2"/>
        <scheme val="minor"/>
      </rPr>
      <t xml:space="preserve">
LB SAFFY
TP MUDZUSI</t>
    </r>
  </si>
  <si>
    <r>
      <rPr>
        <b/>
        <sz val="11"/>
        <color theme="1"/>
        <rFont val="Calibri"/>
        <family val="2"/>
        <scheme val="minor"/>
      </rPr>
      <t>FABRICIUS &amp; ENGELBRECHT ATTORNEYS INCORPORATED:</t>
    </r>
    <r>
      <rPr>
        <sz val="11"/>
        <color theme="1"/>
        <rFont val="Calibri"/>
        <family val="2"/>
        <scheme val="minor"/>
      </rPr>
      <t xml:space="preserve">
STEPHAN PHILLIP ENGELBRECHT
ROLAND FABRICIUS </t>
    </r>
  </si>
  <si>
    <t>RFP 38/2015</t>
  </si>
  <si>
    <t>PROVISION OF CLEANING SERVICES AT SARS OFFICE NATIONALLY</t>
  </si>
  <si>
    <t>HORNES PROJECTS AND ENTERPRISE</t>
  </si>
  <si>
    <t>I BOWER AND ASSOCIATES (PTY) LTD</t>
  </si>
  <si>
    <t>TSEBO OUTSOURCING GROUP PTY LTD (TSEBO CLEANING SOLUTIONS</t>
  </si>
  <si>
    <t>MAMULO TRADING AND PROJECTS</t>
  </si>
  <si>
    <t>EZ TRADE 536 CC (CORPORATE CLEANING AND HOSPITALITY)</t>
  </si>
  <si>
    <t>MASIBAMBANE RECRUITMENT (PTY) LTD</t>
  </si>
  <si>
    <t>LAW MAS CONSULTING</t>
  </si>
  <si>
    <t>MURPHY DOT AMN PROJECTS (PTY) LTD</t>
  </si>
  <si>
    <t>SHECARE SANITARY HYGIENE SERVICE</t>
  </si>
  <si>
    <t>SAMAGABA CLEANING SERVICES (PTY) LTD</t>
  </si>
  <si>
    <t>SIPHINDILE CLEANING SERVICES (PTY) LTD</t>
  </si>
  <si>
    <t>SUPER CLEAN</t>
  </si>
  <si>
    <t>INTEGRICO TRADING CC</t>
  </si>
  <si>
    <t>SISONKE SECURITY AND PROJECTS (PTY) LTD</t>
  </si>
  <si>
    <t xml:space="preserve">GAP MANAGEMENT (PTY) LTD </t>
  </si>
  <si>
    <t xml:space="preserve">CLEAN CARE MOBILE SANDTON </t>
  </si>
  <si>
    <t>CAPS M TRADING AND PROJECTS</t>
  </si>
  <si>
    <t>GIZARA CARWASH AND CLEANING SERVICES</t>
  </si>
  <si>
    <t>PONNY2DO CLEANING SERVICES (PTY) LTD</t>
  </si>
  <si>
    <t>MASANA HYGIENE SERVICES (PTY) LTD</t>
  </si>
  <si>
    <t>MESIYA SPECIALIST CONSULTANTS (MESIYA FINANCIAL TRAINING AND BUSINESS DEVELOPMENT)</t>
  </si>
  <si>
    <t>LINDOKUHLEMATE TRADING AND PROJECTS</t>
  </si>
  <si>
    <t>STAZA CLEANING SERVICES CC</t>
  </si>
  <si>
    <t>VAGWENA HOLDINGS</t>
  </si>
  <si>
    <t>TSHIAMO CHEMISTRY</t>
  </si>
  <si>
    <t>NOZINGA GROUP (PTY) LTD</t>
  </si>
  <si>
    <t>RISK RELEASE (PTY) LTD</t>
  </si>
  <si>
    <t>VENPHUTI BUSINESS SOLUTIONS CC</t>
  </si>
  <si>
    <t>UPVIEW GENERAL TRADING CC</t>
  </si>
  <si>
    <t>KHAYALAMI SERVICES CC</t>
  </si>
  <si>
    <t>MORENA CORPORATE SERVICES (PTY) LTD</t>
  </si>
  <si>
    <t>KEMPSTON INVESTMENTS (PTY) LTD</t>
  </si>
  <si>
    <t>KUSILE HYGIENE AND INDUSTRIAL SERVICES (BAMBOO ROCK 1156 CC)</t>
  </si>
  <si>
    <t>NDOU CLEANING SERVICES</t>
  </si>
  <si>
    <t>NELEDZI CLEANING SERVICES (PTY) LTD</t>
  </si>
  <si>
    <t>PULAMAHLO CLEANING SERVICES</t>
  </si>
  <si>
    <t>EBOTSE CONTRACT SERVICES (PTY) LTD</t>
  </si>
  <si>
    <t>S&amp;B CLEANING SERVICES CC</t>
  </si>
  <si>
    <t>SABUH TRADING CC</t>
  </si>
  <si>
    <t>MUSENGAVHADZIMU BUSINESS ENTERPRISE</t>
  </si>
  <si>
    <t>TSHEPO KE TSWELOPELE FARMINGAND PROJECTS</t>
  </si>
  <si>
    <t>ENVIROMANGZ PROJECTS (PTY) LTD</t>
  </si>
  <si>
    <t xml:space="preserve">MAQADI CLEANING SERVICES (PTY) LTD </t>
  </si>
  <si>
    <t>BIDVEST MANAGED SOLUTIONS (PTY) LTD</t>
  </si>
  <si>
    <t xml:space="preserve">IKHAYELIHLE CLEANIG SERVICES (PTY) LTD </t>
  </si>
  <si>
    <t>SERVEST CLEANING (PTY) LTD</t>
  </si>
  <si>
    <t>RAZISTEP AZ GUMEDE CC</t>
  </si>
  <si>
    <t>NONDUMISO CLEANING AND HORTICULTURAL SERVICES (PTY) LTD</t>
  </si>
  <si>
    <t xml:space="preserve">MABOKO BUSINESS ENTERPRISE </t>
  </si>
  <si>
    <t>DITSHEPISHO CONSTRUCTION AND PROJECTS</t>
  </si>
  <si>
    <t xml:space="preserve">HLEKANI AND JABU TRADING AND PROJECTS PTY LTD </t>
  </si>
  <si>
    <t xml:space="preserve">SER-NJORE CONSULTING SERVICES </t>
  </si>
  <si>
    <t>MATSHIDI MANUFACTURER CC</t>
  </si>
  <si>
    <t xml:space="preserve">SEMENSEK SECURITY AND CLEANING SERVICES (PTY) LTD </t>
  </si>
  <si>
    <t>DEMOCRATIC INDUSTRIAL SERVICES (PTY) LTD</t>
  </si>
  <si>
    <t xml:space="preserve">LYNX CHEMICALS CC </t>
  </si>
  <si>
    <t>LEENDO AND SBU ENTERPRISE</t>
  </si>
  <si>
    <t>VIROBATCH (PTY) LTD</t>
  </si>
  <si>
    <t xml:space="preserve">SOYAMBA TRADING ENTERPRISE </t>
  </si>
  <si>
    <t xml:space="preserve">NTSHU PROJECTS  AND TRADING </t>
  </si>
  <si>
    <t>DKZEE CLEANING SERVICES</t>
  </si>
  <si>
    <t xml:space="preserve">MMANATI (PTY) LTD </t>
  </si>
  <si>
    <t>TSHIPEMBE MZANSI PROJECTS</t>
  </si>
  <si>
    <t xml:space="preserve">MOABELO HOLDINGS (PTY) LTD </t>
  </si>
  <si>
    <t xml:space="preserve">JEANIKE HYGIENE CLEANING SERVICES </t>
  </si>
  <si>
    <t>UKWEZA HOLDINGS PTY LTD</t>
  </si>
  <si>
    <t>RFI 02/2015</t>
  </si>
  <si>
    <t>TENDER FOR APPOINTMENT OF INSOLVENCY PRACTITIONER FOR SARS PANEL</t>
  </si>
  <si>
    <t>TA CAMERON(STOWELL AND COMPANY)</t>
  </si>
  <si>
    <t>JAYANT DAJI PEMA(MATASIS CONSULTING)</t>
  </si>
  <si>
    <t>DOUGLAS MICHAU (STOWELL AND COMPANY)</t>
  </si>
  <si>
    <t xml:space="preserve">DAVID BUTTON (STOWELL AND COMPANY) </t>
  </si>
  <si>
    <t>SULIMAN FAZLUL-HUG (AZANIA TRUST)</t>
  </si>
  <si>
    <t xml:space="preserve">MARLE MYRON MORGAN CONSULTANCIES </t>
  </si>
  <si>
    <t>TAYTIN FINANCIAL ACCOUNTANTS (PTY)LTD</t>
  </si>
  <si>
    <t>R.CHOONILALL</t>
  </si>
  <si>
    <t>EUGENE NEL (BERRANGE INC)</t>
  </si>
  <si>
    <t>WERNER DE JAGER (DE LAGER &amp; LORDAN INC)</t>
  </si>
  <si>
    <t>TP.MUDZUSI (HONEY ATTORNEYS)</t>
  </si>
  <si>
    <t>S.MOODLIAR (SANEK TRUST ATTORNEY)</t>
  </si>
  <si>
    <t>T.P GLAUM (SANEK TRUST ATTORNEY'S)</t>
  </si>
  <si>
    <t>SHAWN WILLIAMS (KPMG)</t>
  </si>
  <si>
    <t>SEAN CHRISTENSEN (KPMG)</t>
  </si>
  <si>
    <t>MATASIS CONSULTING (PTY) LTD</t>
  </si>
  <si>
    <t>KOIKANYANG INC</t>
  </si>
  <si>
    <t>ST ADENS (PTY) LTD</t>
  </si>
  <si>
    <t>Z AND Z NGOGODO INC</t>
  </si>
  <si>
    <t>JF JF ENGELBRECHT (ICON INSOLVENCY)</t>
  </si>
  <si>
    <t xml:space="preserve">JZH MULLER JNR </t>
  </si>
  <si>
    <t>KEMPEN GENOTE INGELYF</t>
  </si>
  <si>
    <t>BOGOLO BONTS (PTY) LTD</t>
  </si>
  <si>
    <t>H VAN ROOYEN (ICON INSOLVENCY PRACTIONER)</t>
  </si>
  <si>
    <t xml:space="preserve">STOWELL AND COMPANY INCORPORATE </t>
  </si>
  <si>
    <t>G.COLOTELA AND PETER INC</t>
  </si>
  <si>
    <t>JM DAMONS</t>
  </si>
  <si>
    <t>CASSIM INC</t>
  </si>
  <si>
    <t xml:space="preserve">R.LEATHERN </t>
  </si>
  <si>
    <t>HAS MOOSA</t>
  </si>
  <si>
    <t>JP VOGES (ICON INSOLVENCY)</t>
  </si>
  <si>
    <t>DREDIN CONSULTING (PTY) LTD (D.APPAVOO)</t>
  </si>
  <si>
    <t>IJ BOSHOFF (TSHWANE TRUST CO PTY LTD)</t>
  </si>
  <si>
    <t>VD RAMUEDZISI (RAMUEDZISI ADVISORY)</t>
  </si>
  <si>
    <t>AN NDYAMARA (TSHWANE TRUST COMPANY)</t>
  </si>
  <si>
    <t>MF VALLIE (STRAUSS DAILY INC)</t>
  </si>
  <si>
    <t>D.JOUBERT (DE JAGER EN LORDAN INC)</t>
  </si>
  <si>
    <t>ALTHEA LAPOORTA (KUHUMELELA ADVISORY)</t>
  </si>
  <si>
    <t xml:space="preserve">J STROH </t>
  </si>
  <si>
    <t>PJC VAN STADEN (ST ADENS (PTY) LTD)</t>
  </si>
  <si>
    <t>SAG KHAMMISSA (OMA CHARTERED ACCOUNTANTS)</t>
  </si>
  <si>
    <t>DLAMINI MICHAEL INC</t>
  </si>
  <si>
    <t>REINETTE STEYNSBURG (ST ADENS PTY LTD)</t>
  </si>
  <si>
    <t xml:space="preserve">D.ACKER (RAUCH/GERTENBACH) </t>
  </si>
  <si>
    <t xml:space="preserve">MWEDABAI KALALUKA </t>
  </si>
  <si>
    <t>CM POOLE (STRAUSS DAILY INC)</t>
  </si>
  <si>
    <t>MATSEPES INC</t>
  </si>
  <si>
    <t>CP VAN ZYL (MAZARS RECOVERY AND RESTUCTURING)</t>
  </si>
  <si>
    <t>N.MADIKIZELA (MAZARS RECOVERY AND RESTUCTURING)</t>
  </si>
  <si>
    <t>T.C VAN ZYL (MAZARS RECOVERY AND RESTUCTURING)</t>
  </si>
  <si>
    <t>J.BROWN (BROWN,BRAUDE &amp; VLOK INC)</t>
  </si>
  <si>
    <t>KEVIN TITUS (TITUS &amp; ASSOCIATES)</t>
  </si>
  <si>
    <t>NP.ZULU (NP ZULU ATTORNEY'S)</t>
  </si>
  <si>
    <t>HENDRIK JACOBUS (STRAUSS DAILY INC)</t>
  </si>
  <si>
    <t>MG.COWIN (MAZARS RECOVERY AND RESTUCTURING)</t>
  </si>
  <si>
    <t>GR.KLEIN (MAZARS RECOVERY AND RESTUCTURING)</t>
  </si>
  <si>
    <t>ZEE NATH  KAJEE (MAZARS RECOVERY AND RESTUCTURING)</t>
  </si>
  <si>
    <t>NORMAN KLEIN (MAZARS RECOVERY AND RESTUCTURING)</t>
  </si>
  <si>
    <t>HERMAN BESTER (TYGERBERG TRUSTEES)</t>
  </si>
  <si>
    <t>ELIZNA LOURENS( TYGERBERG TRUSTEES)</t>
  </si>
  <si>
    <t>DANIEL SANDILE NDLOVU</t>
  </si>
  <si>
    <t>GAVIN CECIL GAINSFORD (KPMG)</t>
  </si>
  <si>
    <t>RFP 37/2015</t>
  </si>
  <si>
    <t>SUPPLY OF PERMANENT GENERATORS</t>
  </si>
  <si>
    <t>TAKANA LIMPOPO (PTY) LTD</t>
  </si>
  <si>
    <t>POLO ELECTRICAL CC</t>
  </si>
  <si>
    <t>MBERENGWA INVESTMENT AND PROJECTS (PTY) LTD</t>
  </si>
  <si>
    <t>DAMBUZA LOGISTICS SERVICES</t>
  </si>
  <si>
    <t xml:space="preserve">TSHIAMO CHEMISTRY </t>
  </si>
  <si>
    <t>NAMASTHETHU ELECTRICAL (PTY) LTD</t>
  </si>
  <si>
    <t>TURNER MORRIS MANUFACTURING (PTY) LTD</t>
  </si>
  <si>
    <t>SUPERFECTA TRADING 209 CC</t>
  </si>
  <si>
    <t>AYANDAMANTOMBAZANE CONSTRUCTION AND PROJECTS (PTY) LTD</t>
  </si>
  <si>
    <t>QALABOTJHA TRADING AND PROJECTS</t>
  </si>
  <si>
    <t>DIESEL ELECTRIC SERVICES (PTY) LTD</t>
  </si>
  <si>
    <t>TRILLION PROJECTS (PTY) LTD</t>
  </si>
  <si>
    <t>NTOKOZAMA MANUFACTURING</t>
  </si>
  <si>
    <t>HNANABHAY</t>
  </si>
  <si>
    <t>MOSOMEDI REFRIDGERATION</t>
  </si>
  <si>
    <t>DIESEL INNOVATION (PTY) LTD</t>
  </si>
  <si>
    <t>AZMO TECHNOLOGIES CC</t>
  </si>
  <si>
    <t>TSHEDZA HOLDINGS PTY LTD</t>
  </si>
  <si>
    <t xml:space="preserve">CHADA POWER </t>
  </si>
  <si>
    <t>MASTER POWER TECHNOLOGIES PTY LTD</t>
  </si>
  <si>
    <t>RFP 44/2015</t>
  </si>
  <si>
    <t>Electrical Works Bloemfontein</t>
  </si>
  <si>
    <t>Namsthethu Electrical</t>
  </si>
  <si>
    <t>ND DAYANAND</t>
  </si>
  <si>
    <t>Electro TRUST</t>
  </si>
  <si>
    <t>DEE.ES Electrical (Derrick Stainbank)</t>
  </si>
  <si>
    <t>Ram Electrical and civil contractors</t>
  </si>
  <si>
    <t>Craig's pro power &amp; Genset cc</t>
  </si>
  <si>
    <t>Gavin's Elect t/a Nick's Electrical</t>
  </si>
  <si>
    <t>HBC Construction (pty) Ltd</t>
  </si>
  <si>
    <t>RFP 39/2015</t>
  </si>
  <si>
    <t>SUBMISSION FOR TURNKEY PROPOSALS FOR THE PROVISION OF OFFICE SPACE IN VEREENEGINIG</t>
  </si>
  <si>
    <t>Zemdock cc t/a sedgars</t>
  </si>
  <si>
    <t>Vaal CBD (Pty) Ltd</t>
  </si>
  <si>
    <t>Seedfin (Pty) Ltd</t>
  </si>
  <si>
    <t>RFP 50/2015</t>
  </si>
  <si>
    <t>SUPPLY , DELIVERY AND INSTALLATION OF OFFICE FURNITURE FOR GEORGE OFFICE</t>
  </si>
  <si>
    <t>Bidvest Waltons</t>
  </si>
  <si>
    <t>Redrow Chairs CC</t>
  </si>
  <si>
    <t>Office Furniture Suppliers Gauteng</t>
  </si>
  <si>
    <t>Office Furniture Direct National</t>
  </si>
  <si>
    <t>Geo Cloud (Pty) Ltd</t>
  </si>
  <si>
    <t>Nap Designs (Pty) Ltd</t>
  </si>
  <si>
    <t>Ukhuni Business Furniture (Pty) Ltd</t>
  </si>
  <si>
    <t>Barker Street Office Furniture (Pty) Ltd</t>
  </si>
  <si>
    <t>M and F Business Furniture</t>
  </si>
  <si>
    <t>ULUTSHA COMMUNICATIONS</t>
  </si>
  <si>
    <t>RFP 45/2015</t>
  </si>
  <si>
    <t>APPOINTMENT OF A PANEL OF SERVICE PROVIDER FOR MARKETING ADEVERTISING AND RELATED SERVICES</t>
  </si>
  <si>
    <t>GROUNDED MEDIA</t>
  </si>
  <si>
    <t>O'BRIAN COMMUNICATIONS</t>
  </si>
  <si>
    <t>HERO STRATEGIC MARKETING</t>
  </si>
  <si>
    <t>AVATAR DIGITAL AGENCY</t>
  </si>
  <si>
    <t>TAU YA PHOKA</t>
  </si>
  <si>
    <t>BLUE APPLE</t>
  </si>
  <si>
    <t xml:space="preserve">BLACK MOON DESIGN &amp; ADVERTISING </t>
  </si>
  <si>
    <t>LETS SETTLE OUR DUES CORPORATION</t>
  </si>
  <si>
    <t>FRESHLY GROUND INSIGHTS AFRICA</t>
  </si>
  <si>
    <t>GROUND CONTROL</t>
  </si>
  <si>
    <t>THE JUPITER DRAWING ROOM</t>
  </si>
  <si>
    <t>CUT 2 BLACK MEDIA</t>
  </si>
  <si>
    <t>THE SWITCH DESIGN</t>
  </si>
  <si>
    <t>BUHLE BE MVELO MEDIA</t>
  </si>
  <si>
    <t xml:space="preserve">NINE THIRTY WAN </t>
  </si>
  <si>
    <t>HARWOOD KIRSTEN LEIGH MACCOY</t>
  </si>
  <si>
    <t>WORLWIDE CREATIVE</t>
  </si>
  <si>
    <t>ALTITUDE EVENTS</t>
  </si>
  <si>
    <t>FOTE CONE &amp; BELDING</t>
  </si>
  <si>
    <t>MCI AFRICA</t>
  </si>
  <si>
    <t>LESOBA DIFFERENCE</t>
  </si>
  <si>
    <t>THE NICHE AGENCY</t>
  </si>
  <si>
    <t>GENEX INSIGHT</t>
  </si>
  <si>
    <t>MT BUSINESS &amp; NETWORKS</t>
  </si>
  <si>
    <t>AYANDA MBANGA COMMUNICATIONS</t>
  </si>
  <si>
    <t>SHEREENO PRINTERS</t>
  </si>
  <si>
    <t>M&amp;C SAATCHI ABEL</t>
  </si>
  <si>
    <t>THE COMMUNICATIONS FIRM</t>
  </si>
  <si>
    <t>BRANDHEAD STRATEGIC MARKETING COMMUNICATIONS</t>
  </si>
  <si>
    <t>NYALU COMMUNICATIONS</t>
  </si>
  <si>
    <t>ALMEBYTE T/A DARKSTAR</t>
  </si>
  <si>
    <t>BLUE MOON CORPORATE COMMUNICATIONS</t>
  </si>
  <si>
    <t>TOURVEST DESTINATION MANAGEMENT</t>
  </si>
  <si>
    <t>NITROGEN ADVERTISINGAND DESIGN</t>
  </si>
  <si>
    <t xml:space="preserve">SPACEGROW MEDIA T/A SPACE </t>
  </si>
  <si>
    <t>OGILVY &amp; MOTHER SOUTH AFRICA</t>
  </si>
  <si>
    <t>ZAKHENI EVENTS MANAGEMENT &amp; INCENTIVE TRAVEL</t>
  </si>
  <si>
    <t>LERATADIMA MARKETING SOLUTIONS</t>
  </si>
  <si>
    <t xml:space="preserve">EVENT ALCHEMY </t>
  </si>
  <si>
    <t>INTENGU COMMUNICATIONS</t>
  </si>
  <si>
    <t>HAVAS WORLDWIDE</t>
  </si>
  <si>
    <t>VISION COMMUNICATIONS</t>
  </si>
  <si>
    <t>RFP 54/2015</t>
  </si>
  <si>
    <t>WATERPROOFING OF CUSTOMS HOUSE DURBAN</t>
  </si>
  <si>
    <t>LDN CONCRETE &amp; WATERPROOFING SPECIALISTS CC</t>
  </si>
  <si>
    <t>PRO CONTRACTS</t>
  </si>
  <si>
    <t xml:space="preserve">MA BRI ELECTRICAL CONSTRUCTION/ SEABELO HOLDINGS </t>
  </si>
  <si>
    <t>N.D DAYALASAND T/A POWER MAX PROJECT</t>
  </si>
  <si>
    <t>DIESEL INNOVATIONS(PTY) LTD</t>
  </si>
  <si>
    <t xml:space="preserve">BUNESI GENERATORS CC </t>
  </si>
  <si>
    <t>SAILEM ELECTRICAL CC T/A DEE-ES ELECTRICAL</t>
  </si>
  <si>
    <t>FOUNTAIN SQUARE TRADING 58 CC</t>
  </si>
  <si>
    <t xml:space="preserve">LARUWARUWA TRADING AND PROJECTS CC </t>
  </si>
  <si>
    <t xml:space="preserve">RETHUSENG LIVE LIWE AND SERVICES </t>
  </si>
  <si>
    <t>EPAPHRUS ELECTRICAL</t>
  </si>
  <si>
    <t xml:space="preserve">LEBOGANAGELECTRICAL WHOLESALERS </t>
  </si>
  <si>
    <t>RFP 51/2015</t>
  </si>
  <si>
    <t>ELECTRICAL COMPLIANCE AND CIVIL UPGRADE AT LE HAE LA SARS</t>
  </si>
  <si>
    <t>RFP 12/2015</t>
  </si>
  <si>
    <t>FLEET MANAGEMENT SERVICES</t>
  </si>
  <si>
    <t>EQSTRA</t>
  </si>
  <si>
    <t>KGWERANO</t>
  </si>
  <si>
    <t>AFRIRENT</t>
  </si>
  <si>
    <t>VUSWA FLEET MANAGEMENT</t>
  </si>
  <si>
    <t>AMAZA</t>
  </si>
  <si>
    <t>BIDVEST BANK</t>
  </si>
  <si>
    <t>KHULA FLEET SOLUTIONS</t>
  </si>
  <si>
    <t>CARRUS INFORMATION TECHNOLOGY</t>
  </si>
  <si>
    <t>CONSILIA AFRICA</t>
  </si>
  <si>
    <t>MOIPONE GROUP FO COMPANIES</t>
  </si>
  <si>
    <t>ABSA VEHICLE MANAGEMENT SOLUTIONS</t>
  </si>
  <si>
    <t>WESBANK</t>
  </si>
  <si>
    <t>FLEETMATICS</t>
  </si>
  <si>
    <t>FLEET AFRICA</t>
  </si>
  <si>
    <t>RFP 53/2015</t>
  </si>
  <si>
    <t>OFFICE SPACE QUEENSTOWN</t>
  </si>
  <si>
    <t>STREET TALK TRADING 161</t>
  </si>
  <si>
    <t>MVJEE INVESTMENTS PTY LTD</t>
  </si>
  <si>
    <t>BERRY PARK PROPERTY DEVELOPMENTS &amp; STHATHU JV</t>
  </si>
  <si>
    <t>BATHO PELE PROPERTY CC</t>
  </si>
  <si>
    <t>AL2 PROPERTY TRUST</t>
  </si>
  <si>
    <t>AMBER MOUNTAIN INVESTEMENTS 45 PTY LTD</t>
  </si>
  <si>
    <t>TRANSTRUCT</t>
  </si>
  <si>
    <t>RFP 05/2016</t>
  </si>
  <si>
    <t>SUPPLY AND INSTALLATION OF GENERATORS REGION A (HATFIELD)</t>
  </si>
  <si>
    <t>Leruwaruwa Trading and Projects</t>
  </si>
  <si>
    <t>Diesel Innovations (Pty) Ltd</t>
  </si>
  <si>
    <t>Majotech Trading and Projects</t>
  </si>
  <si>
    <t>DP Master Electrical</t>
  </si>
  <si>
    <t>Diesel Electric Services (Pty) Ltd</t>
  </si>
  <si>
    <t>Mosomedi Refrigeration CC</t>
  </si>
  <si>
    <t>Lutse Trading</t>
  </si>
  <si>
    <t>Excellent Electrical Projects CC</t>
  </si>
  <si>
    <t>Bumber Trading and Projects</t>
  </si>
  <si>
    <t>GHE Electrical and Cooling (Pty) Ltd</t>
  </si>
  <si>
    <t>Cool Breeze Air Conditioning and Refrigeration.</t>
  </si>
  <si>
    <t>Matase Industrial Solutions</t>
  </si>
  <si>
    <t>DP Master Electrical cc</t>
  </si>
  <si>
    <t>Henlec cc</t>
  </si>
  <si>
    <t>Edy's Electrical</t>
  </si>
  <si>
    <t>Walker Industria</t>
  </si>
  <si>
    <t>SUPPLY AND INSTALLATION OF GENERATORS REGION B (GIYANI)</t>
  </si>
  <si>
    <t>SUPPLY AND INSTALLATION OF GENERATORS REGION C (UPINGTON)</t>
  </si>
  <si>
    <t>RFP 01/2016</t>
  </si>
  <si>
    <t xml:space="preserve">NETWORK SERVER AND END USER DEVICE SUPPORT SERVICES </t>
  </si>
  <si>
    <t>Softkings IT Solutions</t>
  </si>
  <si>
    <t>Gijima</t>
  </si>
  <si>
    <t>Sizwe IT Group</t>
  </si>
  <si>
    <t>Dimension Data</t>
  </si>
  <si>
    <t>Business Connexion</t>
  </si>
  <si>
    <t>EOH Mthombo</t>
  </si>
  <si>
    <t>Bytes Managed Solutions a Div of Altron TMT</t>
  </si>
  <si>
    <t>RFP 13/2016</t>
  </si>
  <si>
    <t>Construction and Installation of Security at Mthatha Branch - Category B</t>
  </si>
  <si>
    <t>Transtruct</t>
  </si>
  <si>
    <t>Mabija Building &amp; Civil Construction</t>
  </si>
  <si>
    <t>Umkhiwa Construction</t>
  </si>
  <si>
    <t>RFP 11/2016</t>
  </si>
  <si>
    <t>Provision of Integrated Pest Control Management Program for all SARS offices, Nationwide</t>
  </si>
  <si>
    <t>Kusile Hygiene</t>
  </si>
  <si>
    <t>Mmabale Care</t>
  </si>
  <si>
    <t>Servest</t>
  </si>
  <si>
    <t>Fumigation Worx</t>
  </si>
  <si>
    <t>Kameso Total Hygiene</t>
  </si>
  <si>
    <t>Emmalin Rachel</t>
  </si>
  <si>
    <t>Supercare Pest Managemnt</t>
  </si>
  <si>
    <t>Hankai Pest Control</t>
  </si>
  <si>
    <t>Bidvest</t>
  </si>
  <si>
    <t>Kgalebo Trading</t>
  </si>
  <si>
    <t>Mostert Pest Control</t>
  </si>
  <si>
    <t>Monza Designs</t>
  </si>
  <si>
    <t>Flick Pest Control</t>
  </si>
  <si>
    <t>Sidze Pest Management</t>
  </si>
  <si>
    <t>Fregonia Trading</t>
  </si>
  <si>
    <t>Ecolab</t>
  </si>
  <si>
    <t>OA Strachan Trading and Projects</t>
  </si>
  <si>
    <t>Craison Hygiene CC</t>
  </si>
  <si>
    <t>RFP 06/2016</t>
  </si>
  <si>
    <t>Panel of Legal Services Advisors</t>
  </si>
  <si>
    <t>Maloka Thulane Attorneys</t>
  </si>
  <si>
    <t>Verveen Attorneys</t>
  </si>
  <si>
    <t>Nita van Zyl Incorporated</t>
  </si>
  <si>
    <t>Van Hulsteyns Attorneys</t>
  </si>
  <si>
    <t>Gerhard Mare &amp; Associates</t>
  </si>
  <si>
    <t xml:space="preserve">Mbuyisa Neale Attorneys </t>
  </si>
  <si>
    <t>Venfolo Attorneys</t>
  </si>
  <si>
    <t>Moroka Attorneys</t>
  </si>
  <si>
    <t>Maraschin Attorneys</t>
  </si>
  <si>
    <t>Ncube incorporated Attorneys</t>
  </si>
  <si>
    <t>Brian Blignaut Attorneys</t>
  </si>
  <si>
    <t>Mamabolo Phajane Incorporated</t>
  </si>
  <si>
    <t>Ningiza Horner Incorporated</t>
  </si>
  <si>
    <t>Norton Rose Fullbright</t>
  </si>
  <si>
    <t>Mitti Attorneys</t>
  </si>
  <si>
    <t>Molefe-Dlepu Incorporate Attorneys &amp; Convenyances</t>
  </si>
  <si>
    <t>Malebye Motaung Mthemhe Incorporate</t>
  </si>
  <si>
    <t>Vezi &amp; de Beer Incorporate</t>
  </si>
  <si>
    <t>Cliffer Dekker Hofmeyr</t>
  </si>
  <si>
    <t>Garlicke &amp; Bousfield Incorporate</t>
  </si>
  <si>
    <t>Bowman Gilfillan</t>
  </si>
  <si>
    <t>Rachoene Attorneys</t>
  </si>
  <si>
    <t>Edward Nathan Sonnenbergs</t>
  </si>
  <si>
    <t>Stegmanns Incorporate</t>
  </si>
  <si>
    <t>TKN Incorporate</t>
  </si>
  <si>
    <t>Venns Attorneys</t>
  </si>
  <si>
    <t>Puke Maseremule Attorneys Incorporate</t>
  </si>
  <si>
    <t>VZLR Attorneys</t>
  </si>
  <si>
    <t>Fairbridge Arderne &amp; Lawton Incorporate t/a Fairbridges Wentzel &amp; Becker</t>
  </si>
  <si>
    <t>Madzusi Majiedt Attorneys</t>
  </si>
  <si>
    <t>Ledwaba Mazwai Attorneys</t>
  </si>
  <si>
    <t>SDV Incorporate Commercial &amp; Employment</t>
  </si>
  <si>
    <t>Padi Incorporate Attorneys</t>
  </si>
  <si>
    <t>Popela Maake Attorney</t>
  </si>
  <si>
    <t>Regan Brown Incorporate</t>
  </si>
  <si>
    <t>Endcode PTY Ltd</t>
  </si>
  <si>
    <t>Poswa Incorporated</t>
  </si>
  <si>
    <t>Adams &amp; Adams</t>
  </si>
  <si>
    <t>Wakaba &amp; Partners</t>
  </si>
  <si>
    <t>PM &amp; Associates</t>
  </si>
  <si>
    <t>Cheadle Thompson &amp; Haysom Attorneys</t>
  </si>
  <si>
    <t>Mokwana Incorporate Attorneys</t>
  </si>
  <si>
    <t>Mathobo Rambau &amp; Sigogo Attorneys</t>
  </si>
  <si>
    <t>Maponya Attorneys (Jahannesburg) Incorporated</t>
  </si>
  <si>
    <t>Lekhu Pilson Incorporated</t>
  </si>
  <si>
    <t>Leepile &amp; Mbewe</t>
  </si>
  <si>
    <t>Msikinya Attorneys</t>
  </si>
  <si>
    <t>Ndobela &amp; Lamola Incorporate</t>
  </si>
  <si>
    <t>Mafuyeka &amp; Associates</t>
  </si>
  <si>
    <t>Macbeth Attorneys Incorporate</t>
  </si>
  <si>
    <t>Munnik Basson Dagama Incorporate</t>
  </si>
  <si>
    <t>Linda &amp; Mazibuko &amp; Associates</t>
  </si>
  <si>
    <t>Ledwaba SAM Attorneys</t>
  </si>
  <si>
    <t>Hogan Lovells</t>
  </si>
  <si>
    <t>Madhlopa Incorporate</t>
  </si>
  <si>
    <t>Ramatshila Mugeri Attorneys</t>
  </si>
  <si>
    <t>VDT Attorneys Incorporate</t>
  </si>
  <si>
    <t>Bhayat Attorneys Incorporate</t>
  </si>
  <si>
    <t>Van Greunen &amp; Associates</t>
  </si>
  <si>
    <t>Denga Incorporated</t>
  </si>
  <si>
    <t>BM Kolisi Incorporate</t>
  </si>
  <si>
    <t>Klagsbrun Edelstein Bosman de Vries Incorporate</t>
  </si>
  <si>
    <t>Savage Jooste &amp; Adams</t>
  </si>
  <si>
    <t>Ric Martin Incorporate</t>
  </si>
  <si>
    <t>Noko Maimela Incorporate</t>
  </si>
  <si>
    <t>Lomas Walker Attorneys</t>
  </si>
  <si>
    <t>Matsepes (Former Israel Sackstein Matsepe)</t>
  </si>
  <si>
    <t>EG Cooper Majiedt Incorporate</t>
  </si>
  <si>
    <t>Fluxmans Incorporate</t>
  </si>
  <si>
    <t>Gildenhuys Malatji Attorneys</t>
  </si>
  <si>
    <t>Ramushu Mashile Twala Incorporate</t>
  </si>
  <si>
    <t>Mothle Jooma Sadia Incorporate</t>
  </si>
  <si>
    <t>Rorich Wolmarans &amp; Luderitz Attorneys</t>
  </si>
  <si>
    <t>Matabane Incorporate</t>
  </si>
  <si>
    <t>MF Jassat Dhlamini Incorporate Attorneys</t>
  </si>
  <si>
    <t>Hajra Patel Incorporated</t>
  </si>
  <si>
    <t>Joubert Galpin Searle</t>
  </si>
  <si>
    <t>MacRobert Attorneys</t>
  </si>
  <si>
    <t>Honey Attorney</t>
  </si>
  <si>
    <t>Livingston Leandy Attorneys</t>
  </si>
  <si>
    <t>AA Solwandle Attorneys</t>
  </si>
  <si>
    <t>Mashiane Moodley Monana</t>
  </si>
  <si>
    <t>Karsans Incorporated</t>
  </si>
  <si>
    <t>Moore Attorneys</t>
  </si>
  <si>
    <t>Adendorff Attorneys</t>
  </si>
  <si>
    <t>Dyason Attorneys</t>
  </si>
  <si>
    <t>Madiba Motsai Masitenyane Githiri Incoporated</t>
  </si>
  <si>
    <t>Majang Attorneys</t>
  </si>
  <si>
    <t>RW Attorneys</t>
  </si>
  <si>
    <t>DM5 Incorporated</t>
  </si>
  <si>
    <t>Harris Nupen &amp; Molebatsi Incorporated</t>
  </si>
  <si>
    <t>Mkhabela Huntley Adekeye Incorporate</t>
  </si>
  <si>
    <t>Esri South Africa (Pty) Ltd</t>
  </si>
  <si>
    <t>Professional Mobile Mapping</t>
  </si>
  <si>
    <t>AfriGIS (Pty) Ltd</t>
  </si>
  <si>
    <t>RFP 02/2016</t>
  </si>
  <si>
    <t>GEAOGRAPHIC INFORMATION SYSTEM</t>
  </si>
  <si>
    <t>RFP 12/2016</t>
  </si>
  <si>
    <t>Office Space Pretoria CBD</t>
  </si>
  <si>
    <t>Vukile Property Fund Limited</t>
  </si>
  <si>
    <t>EOH</t>
  </si>
  <si>
    <t>RFP 14/2016</t>
  </si>
  <si>
    <t>ROTHE PLANTSCAPERS</t>
  </si>
  <si>
    <t>BUMBERS TRADING AND PROJECTS</t>
  </si>
  <si>
    <t>NONTOZANKE TRADING PTY LTD</t>
  </si>
  <si>
    <t>LEFI LANDSCAPE A DEVISION OF LIFE GREEN GROUP</t>
  </si>
  <si>
    <t>ENDEMIC DEVELOPMENTS</t>
  </si>
  <si>
    <t>MOCHEKU LANDSCAPERS</t>
  </si>
  <si>
    <t>TSWELLAPELE PLANTS CC</t>
  </si>
  <si>
    <t>RSA DESIGNING AND CONSULING LANDSCAPING</t>
  </si>
  <si>
    <t>FOUR SEASON CORPORATE GARDENS</t>
  </si>
  <si>
    <t>GARDEN UPGRADE AT LEHAE LA SARS</t>
  </si>
  <si>
    <t>RFP 04/2016</t>
  </si>
  <si>
    <t>RFP 16/2016</t>
  </si>
  <si>
    <t>Provision of Medical Aid Brokers services at SARS</t>
  </si>
  <si>
    <t>Network Carrier and Infrastructure</t>
  </si>
  <si>
    <t>Telkom</t>
  </si>
  <si>
    <t>MTN Pty Ltd</t>
  </si>
  <si>
    <t>Internet Solutions</t>
  </si>
  <si>
    <t>Vodacom</t>
  </si>
  <si>
    <t>Securitas Financial Group (Pty) Ltd</t>
  </si>
  <si>
    <t>BFS Solutions (Pty) Ltd</t>
  </si>
  <si>
    <t>Lateral Unison Insureance Brokers (Pty) Ltd</t>
  </si>
  <si>
    <t>JLT Employee Benefits SA (Pty) Ltd</t>
  </si>
  <si>
    <t>MSAT Cc t/a Teledirect</t>
  </si>
  <si>
    <t>AON South Africa (Pty) Ltd</t>
  </si>
  <si>
    <t>Marsh (Pty) Ltd</t>
  </si>
  <si>
    <t>Assagai Strategic Investment Holdings</t>
  </si>
  <si>
    <t>Alexander Forbes Health (Pty) Ltd</t>
  </si>
  <si>
    <t>ABSA Consultants &amp; Actuaries (Pty) Ltd</t>
  </si>
  <si>
    <t>RFP 19/2016</t>
  </si>
  <si>
    <t>Provision of Open Programme: Woman's Leadership Development</t>
  </si>
  <si>
    <t>Rhodes University (Business School)</t>
  </si>
  <si>
    <t>Thinking Fusion Africa (Pty) Ltd</t>
  </si>
  <si>
    <t>Leap Training</t>
  </si>
  <si>
    <t>CBM Training</t>
  </si>
  <si>
    <t>PI Company South Africa</t>
  </si>
  <si>
    <t>The Conducive Group (Pty) Ltd</t>
  </si>
  <si>
    <t>Talwin Consulting (t/a Franklin Convey SA)</t>
  </si>
  <si>
    <t>Enterprises University of Pretoria (Pty) Ltd</t>
  </si>
  <si>
    <t>Qubelisa Mtiya Skills Development Academy</t>
  </si>
  <si>
    <t>UNISA Graduate School of Business Leadership</t>
  </si>
  <si>
    <t>University of the Free-State</t>
  </si>
  <si>
    <t>Duke Corporate Education (Pty) Ltd</t>
  </si>
  <si>
    <t>Africa Skills Village (Pty) Ltd</t>
  </si>
  <si>
    <t>Henley Business School</t>
  </si>
  <si>
    <t>RFP 20/2016</t>
  </si>
  <si>
    <t>Psychometric Assessment &amp; Related Services</t>
  </si>
  <si>
    <t>Execuprime</t>
  </si>
  <si>
    <t>The Assessment Toolbox</t>
  </si>
  <si>
    <t>BIOSS International Southern Africa (Pty) Ltd</t>
  </si>
  <si>
    <t>MN Psychologigal Counsulting (Pty) Ltd</t>
  </si>
  <si>
    <t>Talent Profiles cc</t>
  </si>
  <si>
    <t>Deloitte Consulting (Pty) Ltd</t>
  </si>
  <si>
    <t>JVR Consulting Psychologists</t>
  </si>
  <si>
    <t>Gijima Holdings (Pty) Ltd</t>
  </si>
  <si>
    <t>RFP 25/2016</t>
  </si>
  <si>
    <t>The Appointment of a Mechanical Engineer to Assess HVAC System at Alberton 
Campus</t>
  </si>
  <si>
    <t>Shared Energy Management (Pty) Ltd</t>
  </si>
  <si>
    <t>Indyebo Consulting Engineers and Project Managers</t>
  </si>
  <si>
    <t>Aecom SA (Pty) Ltd</t>
  </si>
  <si>
    <t>DFR Kwakudi</t>
  </si>
  <si>
    <t>Phunga Consulting Engineers</t>
  </si>
  <si>
    <t>Deltron Consulting (Pty) Ltd</t>
  </si>
  <si>
    <t>SMEC South Africa (Pty) Ltd</t>
  </si>
  <si>
    <t>2BLN Engineering Consultants</t>
  </si>
  <si>
    <t>Mekan Engineering Services</t>
  </si>
  <si>
    <t>Isimo Engineers (Pty) Ltd</t>
  </si>
  <si>
    <t>IX Engineers (Pty) Ltd</t>
  </si>
  <si>
    <t xml:space="preserve">Capital Enery Technologies </t>
  </si>
  <si>
    <t>RFP 34/2016</t>
  </si>
  <si>
    <t>The Amakhwezi National Award ceremony</t>
  </si>
  <si>
    <t>The Communications Firm (Pty) Ltd</t>
  </si>
  <si>
    <t>Ovation Destination Management</t>
  </si>
  <si>
    <t>Blue Moon Corporate Communication</t>
  </si>
  <si>
    <t>Event Alchemy (Pty) Ltd</t>
  </si>
  <si>
    <t>MORVEST HUMAN CAPITAL MANAGEMENT (PTY) LTD</t>
  </si>
  <si>
    <t>SIZULUNTU STAFFING SOLUTION</t>
  </si>
  <si>
    <t>ONLY THE BEST (PTY) LTD</t>
  </si>
  <si>
    <t>SMITH GARB AND ASSOCIATES</t>
  </si>
  <si>
    <t>FARANANI IT SERVICE (PTY) LTD</t>
  </si>
  <si>
    <t>PRAESIGNIS  (PTY) LTD</t>
  </si>
  <si>
    <t>XARRA IT CONSULTANTS</t>
  </si>
  <si>
    <t>M-PLOY GLOBAL RESORCING CC</t>
  </si>
  <si>
    <t>KONE STAFFING SOLUTION (PTY) LTD</t>
  </si>
  <si>
    <t>KELLY</t>
  </si>
  <si>
    <t>QUEST STAFFING SOLUTION</t>
  </si>
  <si>
    <t>DUJA CONSULTING (PTY) LTD</t>
  </si>
  <si>
    <t>KAMO PLACEMENT CC</t>
  </si>
  <si>
    <t>EQ PLUS TECHNOLOGIES</t>
  </si>
  <si>
    <t>DATA CENTRIX</t>
  </si>
  <si>
    <t>EDGE CONSULTING (PTY) LTD</t>
  </si>
  <si>
    <t>KGADI STAFFING SOLUTION</t>
  </si>
  <si>
    <t>FSR.COM RECRUITMENT SERVICE</t>
  </si>
  <si>
    <t>EMPILWENI MANAGEMENT SOLUTION</t>
  </si>
  <si>
    <t>YAWEE HUMAN CAPITAL  (PTY) LTD</t>
  </si>
  <si>
    <t>MATCHWORKS (PTY) LTD</t>
  </si>
  <si>
    <t>PROVIDENCE SOFTWARE SOLUTION (PTY) LTD</t>
  </si>
  <si>
    <t>THEMBELA KUTHI STAFFING SERVICE</t>
  </si>
  <si>
    <t>PAKANYO HR SOLUTION</t>
  </si>
  <si>
    <t>ADAPT IT (PTY) LTD</t>
  </si>
  <si>
    <t>PHAKI PERSONNEL MANAGEMENT SERVICES</t>
  </si>
  <si>
    <t>NAMBITI TECHNOLOGIES</t>
  </si>
  <si>
    <t>ISILUMKO STAFFING</t>
  </si>
  <si>
    <t>SIZWE AFRIKA IT GROUP</t>
  </si>
  <si>
    <t>ONE WORLD HUMAN CAPITAL</t>
  </si>
  <si>
    <t>ASIKA DEEPCHUND AND ASSOCIATES</t>
  </si>
  <si>
    <t>WOZANI RECRUITMENT AGENCY</t>
  </si>
  <si>
    <t>HUMAN CAOMMUNICATION (PTY) LTD</t>
  </si>
  <si>
    <t>IMPACT HUMAN RESOURCES</t>
  </si>
  <si>
    <t>EXPRESS EMPLOYMENT PROFESSIONALS</t>
  </si>
  <si>
    <t>PHAKISA CORPORATE SERVICES (PTY) LTD</t>
  </si>
  <si>
    <t>MEDIRO BELAY MANAGED SERVICE</t>
  </si>
  <si>
    <t>TALENT CRU PROPRIETY LIMITED</t>
  </si>
  <si>
    <t>MONEVEST GROUP (PTY) LTD</t>
  </si>
  <si>
    <t>KARENZA'S TRADING AND FUTURE CREATION</t>
  </si>
  <si>
    <t xml:space="preserve">PARACON SA </t>
  </si>
  <si>
    <t>TIMES TALENT RECRUITMENT</t>
  </si>
  <si>
    <t>PINPOINT ONE HUMAN RESOURCE</t>
  </si>
  <si>
    <t>MUTISEARCH RECRUITMENT CONSULTING</t>
  </si>
  <si>
    <t>MINDWORX</t>
  </si>
  <si>
    <t>S D RECRUITMENT (PTY) LTD</t>
  </si>
  <si>
    <t>DAV PROFESSIONAL  PLACEMENT GROUP</t>
  </si>
  <si>
    <t>NKWALI M CONSULTING</t>
  </si>
  <si>
    <t>CA GLOBAL HEAD HUNTERS</t>
  </si>
  <si>
    <t>KHOZENI INTELLECT HOLDINGS</t>
  </si>
  <si>
    <t>PROFESSIONAL SOURCING (PTY) LTD</t>
  </si>
  <si>
    <t>FEMPOWER</t>
  </si>
  <si>
    <t>ALCOTECH INTERIM OUTSOURCING</t>
  </si>
  <si>
    <t>NTIRHO HUMAN CAPITAL</t>
  </si>
  <si>
    <t>KANIMAMBO (PTY) LTD</t>
  </si>
  <si>
    <t>MONDIAL IT SOLUTION</t>
  </si>
  <si>
    <t>AFRIZAN TES (PTY) LTD</t>
  </si>
  <si>
    <t xml:space="preserve">EBUS-TECH CONSULTING </t>
  </si>
  <si>
    <t>RFP 26/2016</t>
  </si>
  <si>
    <t>ESTABLISHMENT OF A LIST OF SERVICE PROVIDERS FOR RECUREMENT SERVICES</t>
  </si>
  <si>
    <t>Edge Executive Search</t>
  </si>
  <si>
    <t>EU Fresh Business Consulting (TIAMO PERSONNEL)</t>
  </si>
  <si>
    <t xml:space="preserve">PROTEM </t>
  </si>
  <si>
    <t>RFP22/2016</t>
  </si>
  <si>
    <t xml:space="preserve">Customisation &amp; implementation of Advanced Economic Programme </t>
  </si>
  <si>
    <t>RFP 24/2016</t>
  </si>
  <si>
    <t>Generation X Technologies (Pty) Ltd</t>
  </si>
  <si>
    <t>Buwasi Generators Cc</t>
  </si>
  <si>
    <t>JV Matase Industrial Kgoshi Electrical</t>
  </si>
  <si>
    <t>HBC Construction (Pty) Ltd</t>
  </si>
  <si>
    <t>Sizwe Africa IT Group (Pty) Ltd</t>
  </si>
  <si>
    <t>Bicacon (Pty) Ltd</t>
  </si>
  <si>
    <t>Bidvest Facilities Management (Pty) Ltd</t>
  </si>
  <si>
    <t>Cool Breeze Airconditioning &amp; Refridgeration</t>
  </si>
  <si>
    <t>Mamellang Technologies</t>
  </si>
  <si>
    <t>Excellent Electrical Projects</t>
  </si>
  <si>
    <t>DCI Projects (Pty) Ltd</t>
  </si>
  <si>
    <t>Diesel Electrical Services (Pty) Ltd</t>
  </si>
  <si>
    <t>Wegezi Power Holdings</t>
  </si>
  <si>
    <t>Channel Data (Powerhouse)</t>
  </si>
  <si>
    <t>Maintenance and replenishment on Diesel Generators for 
SARS Offices Nationwide.</t>
  </si>
  <si>
    <t>RFP 28/2016</t>
  </si>
  <si>
    <t>Supply Install &amp; Maintain of HVAC Systems at 
SARS-Port Elizabeth</t>
  </si>
  <si>
    <t>Mpuma Koloni Coolining &amp; Electrical Cc</t>
  </si>
  <si>
    <t>Hi-Tech Refriggeration (Pty) Ltd</t>
  </si>
  <si>
    <t>Usizo Technical Services</t>
  </si>
  <si>
    <t>Heat Transformation Systems</t>
  </si>
  <si>
    <t>RFP 36/2016</t>
  </si>
  <si>
    <t>Appointment of Consultants to Conduct Building Condition 
Assesments at Specified Properties</t>
  </si>
  <si>
    <t>MDS Consortium</t>
  </si>
  <si>
    <t>Rhodes Bussiness University School</t>
  </si>
  <si>
    <t>Quant Group (Pty) Ltd</t>
  </si>
  <si>
    <t>Lebone Enginering Consortium</t>
  </si>
  <si>
    <t>Sywalt (Pty) Ltd</t>
  </si>
  <si>
    <t>Bergstan SA Consultancy &amp; Development Engineers</t>
  </si>
  <si>
    <t>Spoormaker &amp; Partners; Boogertman &amp; Partners; 
Nyeleti Consulting</t>
  </si>
  <si>
    <t>Golden Touch trading 57 t/a Nqabashe Consulting</t>
  </si>
  <si>
    <t>TC Design Group/ WSP Group Africa</t>
  </si>
  <si>
    <t>Bakone Consulting Enginering</t>
  </si>
  <si>
    <t>Vikinduku Enginering &amp; Projects</t>
  </si>
  <si>
    <t>Aurecon</t>
  </si>
  <si>
    <t>Low-Flow Construction</t>
  </si>
  <si>
    <t>JG Africa</t>
  </si>
  <si>
    <t>SMEC SA (Pty) Ltd</t>
  </si>
  <si>
    <t>Ingcali Consulting Engineers</t>
  </si>
  <si>
    <t>Delta Built Enviroment</t>
  </si>
  <si>
    <t>Naidu Consulting Consortium</t>
  </si>
  <si>
    <t>LDM</t>
  </si>
  <si>
    <t>IGS Consulting Engineers</t>
  </si>
  <si>
    <t>Bigen Africa Service</t>
  </si>
  <si>
    <t>Virtual Consulting Engineers</t>
  </si>
  <si>
    <t>Moditi Consulting Engineers</t>
  </si>
  <si>
    <t>2BLN Enginering Consultants</t>
  </si>
  <si>
    <t>RFP 35/2016</t>
  </si>
  <si>
    <t>PROVISION OF CONSULTING SERVICES FOR THE IMPLEMENTATION OF SAP</t>
  </si>
  <si>
    <t xml:space="preserve">NGA HUMAN RESOURCES </t>
  </si>
  <si>
    <t xml:space="preserve">EPI-USE AFRICA (PTY) LTD </t>
  </si>
  <si>
    <t>RFP 38/2016</t>
  </si>
  <si>
    <t xml:space="preserve">APPOINTMENT OF CONSULTANTS FOR SAP GRAP MIGRATION AND RELATED SERVICES </t>
  </si>
  <si>
    <t xml:space="preserve">ACCENTURE </t>
  </si>
  <si>
    <t xml:space="preserve">MONDIAL </t>
  </si>
  <si>
    <t>SAGE INFOMATICS</t>
  </si>
  <si>
    <t xml:space="preserve">RAGEWAVE </t>
  </si>
  <si>
    <t xml:space="preserve">NAMBITI TECHNOLOGIES </t>
  </si>
  <si>
    <t xml:space="preserve">GLOBAL SOFTECH  SOLUTIONS </t>
  </si>
  <si>
    <t xml:space="preserve">INVOKE SOLUTIONS </t>
  </si>
  <si>
    <t xml:space="preserve">ODIRILE IT HOLDINGS </t>
  </si>
  <si>
    <t xml:space="preserve">KLARIB BUSINESS SOLUTIONS </t>
  </si>
  <si>
    <t xml:space="preserve">TEE QUE TRADING SERVICES </t>
  </si>
  <si>
    <t xml:space="preserve">DATA WAVE </t>
  </si>
  <si>
    <t xml:space="preserve">NEXIA SAB AND T </t>
  </si>
  <si>
    <t xml:space="preserve">INITON </t>
  </si>
  <si>
    <t xml:space="preserve">MINDWORK CONSULTING </t>
  </si>
  <si>
    <t>RFP 39/2016</t>
  </si>
  <si>
    <t>The Media Shop</t>
  </si>
  <si>
    <t>Spacegrow Media (Pty) Ltd</t>
  </si>
  <si>
    <t>Media Edge: CIA (Pty) Ltd</t>
  </si>
  <si>
    <t>MediaCom</t>
  </si>
  <si>
    <t>Mahlohonolo Media &amp; Consulting</t>
  </si>
  <si>
    <t>Mindshare SA (Pty) Ltd</t>
  </si>
  <si>
    <t>Tsalena Media</t>
  </si>
  <si>
    <t>Community Newspapers Initiative</t>
  </si>
  <si>
    <t>Ulutsha Communications (Pty) Ltd)</t>
  </si>
  <si>
    <t>Splendid Marketing &amp; Communications</t>
  </si>
  <si>
    <t>RFP 27/2016</t>
  </si>
  <si>
    <t>Provision for Media Bulk Buying Service for SARS</t>
  </si>
  <si>
    <t>EOH Abantu (Pty) Ltd</t>
  </si>
  <si>
    <t>Workforce Healthcare (Pty) Ltd</t>
  </si>
  <si>
    <t>Metropolitan Health Corporate</t>
  </si>
  <si>
    <t>Phela Workforce Management Solutions (Pty) Ltd</t>
  </si>
  <si>
    <t>Healthi Choices (Pty) Ltd</t>
  </si>
  <si>
    <t>Careways Wellness (Pty) Ltd</t>
  </si>
  <si>
    <t>ICAS Southern Africa (Pty) Ltd</t>
  </si>
  <si>
    <t>Endlesslife Services - Health and Social Care (Pty) Ltd</t>
  </si>
  <si>
    <t>Provision of Employee Health and Wellness related services</t>
  </si>
  <si>
    <t>RFP 43/2016</t>
  </si>
  <si>
    <t>Generators for Giyani &amp; Upington</t>
  </si>
  <si>
    <t>Matase Industrial Solutions (Pty) Ltd</t>
  </si>
  <si>
    <t>Michael safety &amp; Construction (Miluwani Electrical)</t>
  </si>
  <si>
    <t>Turner Morris Manafacturing (Pty) Ltd</t>
  </si>
  <si>
    <t>MJT &amp; Projects (Pty) Ltd</t>
  </si>
  <si>
    <t>RFP 29/2016</t>
  </si>
  <si>
    <t>Public Seating at SARS Taxpayer Services</t>
  </si>
  <si>
    <t>Fruixion SA</t>
  </si>
  <si>
    <t>Coco Haven 1078cc t/a Impumelelo Business Furniture</t>
  </si>
  <si>
    <t>Gxakwes Project cc</t>
  </si>
  <si>
    <t>Redrow Chairs cc</t>
  </si>
  <si>
    <t>Office Studio cc</t>
  </si>
  <si>
    <t>Furnall (Pty) Ltd</t>
  </si>
  <si>
    <t>Rodlin Design SA (Pty) Ltd</t>
  </si>
  <si>
    <t>Thuthuka Office Space Supplies</t>
  </si>
  <si>
    <t>Evotec Electronics cc</t>
  </si>
  <si>
    <t>Masakhang Seating (Pty) Ltd</t>
  </si>
  <si>
    <t>Igugulethu Office Supplies</t>
  </si>
  <si>
    <t>Letatsi Trading cc</t>
  </si>
  <si>
    <t>X-Klusiv Dzgn Furniture</t>
  </si>
  <si>
    <t>Letlamabo Projects</t>
  </si>
  <si>
    <t>RFP 44/2016</t>
  </si>
  <si>
    <t>Service Provider for Economic Refresh</t>
  </si>
  <si>
    <t>LDM Consulting</t>
  </si>
  <si>
    <t>Amicon (Pty) Ltd</t>
  </si>
  <si>
    <t>RFP 08/2017</t>
  </si>
  <si>
    <t>Appointment of creative bidders</t>
  </si>
  <si>
    <t>Havas Worldwide JHB (Pty) Ltd</t>
  </si>
  <si>
    <t>Black Powder Studio (Pty) Ltd</t>
  </si>
  <si>
    <t>Ogilvy and Mather South Africa (Pty) Ltd</t>
  </si>
  <si>
    <t>APTRONICS (PTY) LTD</t>
  </si>
  <si>
    <t>BYTES SYSTEMS INTEGRATION -A DIVISION OF ALTRON TMT (PTY) LTD</t>
  </si>
  <si>
    <t>DATACENTRIX (PTY) LTD</t>
  </si>
  <si>
    <t>DATA TEGRA (PTY) LTD</t>
  </si>
  <si>
    <t>FIRST TECHNOLOGY NATIONAL (PTY) LTD</t>
  </si>
  <si>
    <t>STORAGE TECHNOLOGY SERVICES (PTY) LTD</t>
  </si>
  <si>
    <t>UBUNTU TECHNOLOGY (PTY) LTD</t>
  </si>
  <si>
    <t>VMWare Renewal</t>
  </si>
  <si>
    <t>RFP 03/2017</t>
  </si>
  <si>
    <t>PROVISION OF MEDIA MONITORING &amp; ANALYSIS SERVICES</t>
  </si>
  <si>
    <t>BLUE HILLS IP HOLDER</t>
  </si>
  <si>
    <t>DDI MEDIA MONITORING (PTY) LTD</t>
  </si>
  <si>
    <t>FLASHMOB EVENTS</t>
  </si>
  <si>
    <t>LJG BUSINESS CONSULTING AND PROJECTS</t>
  </si>
  <si>
    <t>MARKET IQ CC</t>
  </si>
  <si>
    <t>ORNICO GROUP (PTY) LTD</t>
  </si>
  <si>
    <t>PIN POINT COMMUNICATION (PTY) LTD</t>
  </si>
  <si>
    <t>PONELELO MEDIA MONITORING (PTY) LTD</t>
  </si>
  <si>
    <t xml:space="preserve">PROFESSIONAL EVALUATION &amp; RESEARCH </t>
  </si>
  <si>
    <t>RFP 09/2017</t>
  </si>
  <si>
    <t>RFP 07/2017</t>
  </si>
  <si>
    <t>PROVISION OF EMPLOYEE RECOGNITION &amp; AWARDS &amp; RELATED SERVICES</t>
  </si>
  <si>
    <t>WOW MARKETING SERVICES (PTY) LTD</t>
  </si>
  <si>
    <t>Supply, installation and maintenance of sanitary and health care equipment and adhoc services for the SARS offices nationwide for a period of 36 months</t>
  </si>
  <si>
    <t>RFP 01/2017</t>
  </si>
  <si>
    <t>BIDVEST STEINER</t>
  </si>
  <si>
    <t>BOIPELO ENTERPRISES (PTY) LTD</t>
  </si>
  <si>
    <t>CRAISON HYGIENE CC</t>
  </si>
  <si>
    <t>DONSANTEL 207 CC</t>
  </si>
  <si>
    <t>IKHAYELIHLE CLEANING SERVICES (PTY) LTD</t>
  </si>
  <si>
    <t>IMVULA QUALITY PROTECTION (AFRICA) (PTY) LTD</t>
  </si>
  <si>
    <t>KAMATSIKAA TRADING ENTERPRISES</t>
  </si>
  <si>
    <t>KEABETSWE SECURITY SERVICES</t>
  </si>
  <si>
    <t>KUSILE HYGIENE INDUSTRIAL SERVICES</t>
  </si>
  <si>
    <t>LA FAME TRADING AND PROJECTS</t>
  </si>
  <si>
    <t>LUVUNO BUSINESS SOLUTIONS (PTY) LTD</t>
  </si>
  <si>
    <t>MAID EEZI CLEANING AND GENERAL SERVICES CC</t>
  </si>
  <si>
    <t>MAXIMUM CLEANING (PTY) LTD T/A METRO CLEANING (PTY) LTD</t>
  </si>
  <si>
    <t>MMMB BOKAMOSO PROJECTS AND CONSTRUCTION (PTY) LTD</t>
  </si>
  <si>
    <t>MDITO BUSINESS ENTERPRISE CC</t>
  </si>
  <si>
    <t>OOB SOLUTIONS</t>
  </si>
  <si>
    <t>ORIZOE SERVICES CC</t>
  </si>
  <si>
    <t>SERVEST (PTY) LTD</t>
  </si>
  <si>
    <t>SCOOZ CLEANING SERVICES</t>
  </si>
  <si>
    <t>SUPERCARE HYGIENE (PTY) LTD</t>
  </si>
  <si>
    <t>SSG CLEANING (PTY) LTD</t>
  </si>
  <si>
    <t>SOMAGABA CLEANING SERVICES (PTY) LTD</t>
  </si>
  <si>
    <t>STAZA CLEANING SERVICES (PTY) LTD</t>
  </si>
  <si>
    <t>TSAMAISO INVESTMENT CC</t>
  </si>
  <si>
    <t>XAMHUNTI GENERAL TRADING ENTERPRISE</t>
  </si>
  <si>
    <t>ZILWA CLEANING AND GARDENING SERVICES CC</t>
  </si>
  <si>
    <t>RFP 10/2017</t>
  </si>
  <si>
    <t>Provision of consultancy services for the implementation of procurement strategic initiatives</t>
  </si>
  <si>
    <t>MANTO MANAGEMENT (PTY) LTD</t>
  </si>
  <si>
    <t>TIC AND MEND (PTY) LTD</t>
  </si>
  <si>
    <t>TK GLOBAL EXPERTS (PTY) LTD</t>
  </si>
  <si>
    <t xml:space="preserve">ACCENTURE (SOUTH AFRICA) (PTY) LTD </t>
  </si>
  <si>
    <t xml:space="preserve">AFRICAWIDE CONSULTING </t>
  </si>
  <si>
    <t>ASTUTE AND THOLISIWE CONSORTIUM</t>
  </si>
  <si>
    <t>CGC CONSULTING SERVICES (PTY) LTD</t>
  </si>
  <si>
    <t xml:space="preserve">COOL IDEAS 1016 (PTY) LTD </t>
  </si>
  <si>
    <t xml:space="preserve">DELOITTE CONSULTING (PTY) LTD </t>
  </si>
  <si>
    <t xml:space="preserve">DFINITIVE RISK MANAGEMENT SERVICES (PTY) LTD </t>
  </si>
  <si>
    <t xml:space="preserve">ERNST AND YOUNG ADVISORY SERVICES (PTY) LTD </t>
  </si>
  <si>
    <t xml:space="preserve">GARTNER SOUTH AFRICA (PTY) LTD </t>
  </si>
  <si>
    <t xml:space="preserve">GRANT THORTON PS ADVISORY </t>
  </si>
  <si>
    <t xml:space="preserve">IMPELA ALLIANCES </t>
  </si>
  <si>
    <t xml:space="preserve">KPMG SERVICES PROPRIETARY LIMITED </t>
  </si>
  <si>
    <t xml:space="preserve">LETSEMA CONSULTING AND ADVISORY </t>
  </si>
  <si>
    <t>Review GRAP Accounting Policies and Procedures and Provide SAP Implementation assistance for Reporting</t>
  </si>
  <si>
    <t>RFP 04/2017</t>
  </si>
  <si>
    <t>ERNST &amp; YOUNG ADVISORY SERVICES (PTY) LTD</t>
  </si>
  <si>
    <t xml:space="preserve">INVENIO BUSINESS SOLUTIONS LTD </t>
  </si>
  <si>
    <t xml:space="preserve">PRICEWATER COOPERS INC </t>
  </si>
  <si>
    <t xml:space="preserve">SOMA SOLUTIONS </t>
  </si>
  <si>
    <t xml:space="preserve">VICTORIOUS CHARTERED ACCOUNTANTS INC </t>
  </si>
  <si>
    <t>W TECHNICAL CONSULTING SOUTH AFRICA (PTY) LTD</t>
  </si>
  <si>
    <t>RFP 14/2017</t>
  </si>
  <si>
    <t>Appointment of a panel of service providers for information technology services</t>
  </si>
  <si>
    <t>REDFLANK SOLUTIONS (PTY) LTD</t>
  </si>
  <si>
    <t>GARTNER SOUTH AFRICA (PTY) LTD</t>
  </si>
  <si>
    <t>GLOBAL COMPUTING AND TELECOMS (PTY) LTD</t>
  </si>
  <si>
    <t>THAMANI TECHNOLOGIES &amp; SYSTEMS</t>
  </si>
  <si>
    <t>SMADA TECHNOLOGIES</t>
  </si>
  <si>
    <t>FULLSTREAM BUSINESS SERVICES (PTY) LTD</t>
  </si>
  <si>
    <t>PRAESIGNIS (PTY) LTD</t>
  </si>
  <si>
    <t>PRICEWATERHOUSE COOPERS INC</t>
  </si>
  <si>
    <t xml:space="preserve">ISOLVE BUSINESS SOLUTIONS (PTY) LTD </t>
  </si>
  <si>
    <t xml:space="preserve">FALCORP TECHNOLOGIES </t>
  </si>
  <si>
    <t xml:space="preserve">IBM SOUTH AFRICA (PTY) LTD </t>
  </si>
  <si>
    <t>IN2IT TECH (PTY) LTD</t>
  </si>
  <si>
    <t>CORNASTONE ENTERPRISE SYSTEMS</t>
  </si>
  <si>
    <t>PRAXIS COMPUTING (PTY) LTD</t>
  </si>
  <si>
    <t>BARAKA IT SOLUTIONS (PTY) LTD</t>
  </si>
  <si>
    <t>TATIS INTERNATIONAL</t>
  </si>
  <si>
    <t>PHAMBILI IT (PTY) LTD</t>
  </si>
  <si>
    <t xml:space="preserve">DATA SCIENCES CORPORATION </t>
  </si>
  <si>
    <t>KGAHLEHO CONSTRUCTION SERVICES</t>
  </si>
  <si>
    <t>IDOL CONSULTING FIRM (PTY) LTD</t>
  </si>
  <si>
    <t xml:space="preserve">HIGHEND IT SOLUTIONS </t>
  </si>
  <si>
    <t>INNOVO NETWORKS (PTY) LTD</t>
  </si>
  <si>
    <t xml:space="preserve">ULWEMBU LA SE KASI HOLDINGS (PTY) LTD (t/a ULWEMBU BUSINESS SERVICES) </t>
  </si>
  <si>
    <t xml:space="preserve">TAGIT </t>
  </si>
  <si>
    <t>AFRIGIS (PTY) LTD</t>
  </si>
  <si>
    <t>QUANTUM LEAP CONSULTING (PTY) LTD</t>
  </si>
  <si>
    <t>BLUE TURTLE TECHNOLOGIES (PTY) LTD</t>
  </si>
  <si>
    <t xml:space="preserve">MIPRINT CONSULTING (PTY) LTD </t>
  </si>
  <si>
    <t xml:space="preserve">TECH MAHINDRA LIMITED </t>
  </si>
  <si>
    <t xml:space="preserve">M2TD CONSULTING (PTY) LTD </t>
  </si>
  <si>
    <t xml:space="preserve">ALTRON TMT (PTY) LTD REPRESENTED BY BYTES UNIVERSAL SYSTEMS </t>
  </si>
  <si>
    <t xml:space="preserve">AFRICA-ONE CONSULTING AND RESEARCH  (PTY) LTD </t>
  </si>
  <si>
    <t>ENABLE TECHNOLOGY CORPORATION (PTY) LTD</t>
  </si>
  <si>
    <t xml:space="preserve">IKANDO (PTY) LTD T/A IT MASTER </t>
  </si>
  <si>
    <t xml:space="preserve">IN4 GROUP (PTY) LTD </t>
  </si>
  <si>
    <t>ZIMELE ERP IT SERVICES (PTY) LTD T/A ZIMELE TECHNOLOGIES</t>
  </si>
  <si>
    <t>BAYAJULA (PTY) LTD</t>
  </si>
  <si>
    <t xml:space="preserve">MFT EXECUTIVE ADVISORY SERVICES </t>
  </si>
  <si>
    <t>MINDWORX CONSULTING (PTY) LTD</t>
  </si>
  <si>
    <t>TIPP FOCUS HOLDINGS T/A PM FOCUS CONSULTING</t>
  </si>
  <si>
    <t xml:space="preserve">BARONE BUDGE &amp; DOMINICK (PTY) LTD (BBD) </t>
  </si>
  <si>
    <t xml:space="preserve">INVENIO BUSINESS SOLUTION </t>
  </si>
  <si>
    <t>EOH MTHOMBO (PTY) LTD</t>
  </si>
  <si>
    <t>NAMBITI TECHNOLOGIES (PTY) LTD</t>
  </si>
  <si>
    <t xml:space="preserve">DELOITTE &amp; TOUCHE </t>
  </si>
  <si>
    <t xml:space="preserve">SIZWE AFRICA IT GROUP (PTY) LTD </t>
  </si>
  <si>
    <t xml:space="preserve">SIZWE NTSALUBA GOBODO ADVISORY SERVICES (PTY) LTD </t>
  </si>
  <si>
    <t xml:space="preserve">OPTIFLEX INFORMATION TECHNOLOGY (PTY) LTD </t>
  </si>
  <si>
    <t xml:space="preserve">MORVEST HUMAN CAPITAL MANAGEMENT (PTY) LTD </t>
  </si>
  <si>
    <t xml:space="preserve">GRANT THORNTON PS ADVISORY (PTY) LTD  </t>
  </si>
  <si>
    <t xml:space="preserve">SKHOMO TECHNOLOGIES (PTY) LTD </t>
  </si>
  <si>
    <t xml:space="preserve">MAHLAKOANA CONSULTING (PTY) LTD </t>
  </si>
  <si>
    <t xml:space="preserve">SOVEREIGN PRODUCTS (PTY) LTD T/A SOVEREIGN BORDER SOLUTIONS </t>
  </si>
  <si>
    <t xml:space="preserve">SENSEPOST (PTY) LTD </t>
  </si>
  <si>
    <t>TEE QUE TRADING SERVICES T/A TIME QUANTUM</t>
  </si>
  <si>
    <t xml:space="preserve">SIKWE PROJECT &amp; CONSULTING T/A SOMA-SOLUTIONS </t>
  </si>
  <si>
    <t>NEW DAWN TECHNOLOGIES (PTY) LTD</t>
  </si>
  <si>
    <t>ALTERAM SOLUTIONS (PTY) LTD</t>
  </si>
  <si>
    <t>BUSINESS CONNEXION (PTY) LTD</t>
  </si>
  <si>
    <t>SONKE COMPUTER SERVICES  (PTY) LTD T/A SCS AFRICA (PTY) LTD</t>
  </si>
  <si>
    <t>RFP19/2017</t>
  </si>
  <si>
    <t xml:space="preserve"> A SURVEY TO GUAGE PUBLIC OPINION ON TAX COMPLIANCE</t>
  </si>
  <si>
    <t>PLUS 94 RESEARCH (PTY) LTD</t>
  </si>
  <si>
    <t>RAMGODAM (PTY) LTD</t>
  </si>
  <si>
    <t>QUEST RESEARCH SERVICES</t>
  </si>
  <si>
    <t>HUMAN SCIENCES RESEARCH COUNCIL</t>
  </si>
  <si>
    <t>ASK AFRIKA (PTY) LTD</t>
  </si>
  <si>
    <t>TOPLINE RESEARCH SOLUTIONS CC</t>
  </si>
  <si>
    <t>CITIZEN SURVEYS (PTY) LTD</t>
  </si>
  <si>
    <t>RFP02/2017</t>
  </si>
  <si>
    <t>Appointment of a qualified 4 EP or higher (CIDB grade) electrical contractor to supply, install and commission the electrical power distribution network at Musina state warehouse for South African revenue service (SARS)</t>
  </si>
  <si>
    <t>115 ELECTRICAL SOLUTIONS (PTY) LTD</t>
  </si>
  <si>
    <t>SASITHETHA TRANSPORT AND DEV PROJECT (PTY) LTD</t>
  </si>
  <si>
    <t>MARKET DEMAND AND TRADING 587 (PTY) LTD t/a RTJ ELECTRICAL &amp; INSTRUMENTATION</t>
  </si>
  <si>
    <t>LESWAO FACILITIES MANAGEMENT</t>
  </si>
  <si>
    <t>MASENO GENERAL TRADE (PTY) LTD</t>
  </si>
  <si>
    <t>STRIVING MIND TRADING 1108 CC</t>
  </si>
  <si>
    <t>TUMISHI ELECTRICAL AND BUILDING CONSTRUCTION</t>
  </si>
  <si>
    <t>RETHUSENG LIVE LINE &amp; SERVICES (PTY) LTD</t>
  </si>
  <si>
    <t>ELROI TRADING ENTERPRISE CC</t>
  </si>
  <si>
    <t>LEFAMAFA ELECTRICAL &amp; CONSTRUCTION SERVICES</t>
  </si>
  <si>
    <t xml:space="preserve">LESEDI ENGINEERING </t>
  </si>
  <si>
    <t>MACHITE ENGINEERING</t>
  </si>
  <si>
    <t>LEETECH ENGINEERING (PTY) LTD</t>
  </si>
  <si>
    <t>TSHABALALA MULTI-SERVICE WORKSHOP</t>
  </si>
  <si>
    <t>RFP 26/2017</t>
  </si>
  <si>
    <t>Provision of physical security, guarding, armed response and alarm monitoring services</t>
  </si>
  <si>
    <t>WENZILE PHAPHAMA SECURITY SERVICES</t>
  </si>
  <si>
    <t xml:space="preserve">ROYAL SECURITY CC </t>
  </si>
  <si>
    <t xml:space="preserve">THORBURN SOLUTIONS (PTY) LTD </t>
  </si>
  <si>
    <t xml:space="preserve">BANTU BATHO SECURITY SERVICES </t>
  </si>
  <si>
    <t>SCENIC ROUTE TRADING 224 (PTY) LTD T/A ENSURE SECURITY</t>
  </si>
  <si>
    <t xml:space="preserve">KATSHE CONSTRUCTION AND SECURITY SERVICES </t>
  </si>
  <si>
    <t xml:space="preserve">VENPHUTI BUSINESS SOLUTIONS </t>
  </si>
  <si>
    <t xml:space="preserve">FULLSERVE SERVICES (PTY) LTD </t>
  </si>
  <si>
    <t xml:space="preserve">SINQOBILE EQUESTRIAN SECURITY SERVICES </t>
  </si>
  <si>
    <t>MATOME AND MOLOTO PROTECTION SERVICES</t>
  </si>
  <si>
    <t xml:space="preserve">SIMADA SECURITY SECURITY SERVICES </t>
  </si>
  <si>
    <t>CHANGING TIDES SECURITY SOLUTIONS (PTY) LTD</t>
  </si>
  <si>
    <t xml:space="preserve">MAVUSI SECURITY SERVICES (PTY) LTD </t>
  </si>
  <si>
    <t>RISE SECURITY SERVICES CC</t>
  </si>
  <si>
    <t>888 PMS SECURITY SERVICES CC</t>
  </si>
  <si>
    <t>MONOCEROS TRADING 135 (PTY) LTD T/A METRO SECURITY</t>
  </si>
  <si>
    <t>KHAYALAMI SECURITY CC</t>
  </si>
  <si>
    <t xml:space="preserve">PRISTO RESPONSE TRADING </t>
  </si>
  <si>
    <t>ENSEMBLE TRADING 2366</t>
  </si>
  <si>
    <t xml:space="preserve">EULITSAKI CONSTRUCTION &amp; CLEANING </t>
  </si>
  <si>
    <t xml:space="preserve">DOUBLE OPTION TRADING 120 (PTY) LTD </t>
  </si>
  <si>
    <t xml:space="preserve">VUSA ISIZWE SECURITY (PTY) LTD </t>
  </si>
  <si>
    <t xml:space="preserve">QUATRO SECURITY SERVICES (PTY) LTD </t>
  </si>
  <si>
    <t xml:space="preserve">MARSHAL NIGHTS SECURITY SERVICES </t>
  </si>
  <si>
    <t xml:space="preserve">SIHLANGENE SECURITY &amp; CLEANING </t>
  </si>
  <si>
    <t>BIDVEST PROTEA COIN (PTY) LTD</t>
  </si>
  <si>
    <t xml:space="preserve">TYEKS SECURITY SERVICES </t>
  </si>
  <si>
    <t xml:space="preserve">MMV PROTECTION &amp; SECURITY SERVICES </t>
  </si>
  <si>
    <t>FIDELITY SECURITY SERVICES (PTY) LTD</t>
  </si>
  <si>
    <t xml:space="preserve">NCEDA CLEANING AND SECURITY SERVICES </t>
  </si>
  <si>
    <t xml:space="preserve">LMB SECURITY SERVICES </t>
  </si>
  <si>
    <t>RFP 25/2017</t>
  </si>
  <si>
    <t>Appointment of a qualified service provider (Grade 3SN or higher) for the refurbishment and waterproofing of roofs at SARS Rissik street building</t>
  </si>
  <si>
    <t>CONSOLVE CIVILS SPECIALIST CONTRACTORS</t>
  </si>
  <si>
    <t>SILIDI PROJECTS</t>
  </si>
  <si>
    <t xml:space="preserve">AQUAPROOF PROJECT </t>
  </si>
  <si>
    <t>DIPETLE GENERAL CONSTRUCTION</t>
  </si>
  <si>
    <t>MKSA ADVANCED JV</t>
  </si>
  <si>
    <t>RFP 32/2017</t>
  </si>
  <si>
    <t>Appointment of a suitably qualified 3 ME or higher (CIDB grade) mechanical contractor to upgrade HVAC system at Alberton contact centre for South African revenue service (SARS)</t>
  </si>
  <si>
    <t>AMICON (PTY) LTD</t>
  </si>
  <si>
    <t>KHULU AIR (PTY) LTD</t>
  </si>
  <si>
    <t>NZWALO INVESTMENTS (PTY) LTD T/A LUMACON AIRCONDITION</t>
  </si>
  <si>
    <t>Provision of executive search and related service</t>
  </si>
  <si>
    <t>RFP 24/2017</t>
  </si>
  <si>
    <t>TIPP FOCUS HOLDINGS (PTY) LTD</t>
  </si>
  <si>
    <t>AFRIZAN PERSONNEL (PTY) LTD</t>
  </si>
  <si>
    <t>NONDO &amp; MOOR EXECUTIVE SEARCH CONSULTANTS (PTY) LTD T/A STANTON CHOSE SOUTH AFRICA</t>
  </si>
  <si>
    <t xml:space="preserve">YAWEE HUMAN CAPITAL (PTY) LTD </t>
  </si>
  <si>
    <t xml:space="preserve">NKWALI M CONSULTING </t>
  </si>
  <si>
    <t xml:space="preserve">PEOPLE PERFECT (PTY) LTD T/A SIGNIUM AFRICA, PREVIOUSLY TALENT AFRICA </t>
  </si>
  <si>
    <t>WARRIOR TALENT</t>
  </si>
  <si>
    <t>EOH ABANTU LTD</t>
  </si>
  <si>
    <t>PINPOINT ONE HUMAN RESOURCES (PTY) LTD</t>
  </si>
  <si>
    <t>AFFIRMATIVE PORTFOLIOS (PTY) LTD</t>
  </si>
  <si>
    <t xml:space="preserve">JBM SEARCH PARTNERS </t>
  </si>
  <si>
    <t>DEVERN PADAYACHEE TRADING CC</t>
  </si>
  <si>
    <t>FEMPOWER PERSONNEL (PTY) LTD</t>
  </si>
  <si>
    <t>HUMAN TOUCH COMMUNICATIONS (PTY) LTD</t>
  </si>
  <si>
    <t>PMD MS</t>
  </si>
  <si>
    <t>RFP 20/2017</t>
  </si>
  <si>
    <t>Provision of short-term insurance brokerage services</t>
  </si>
  <si>
    <t>MARSH (PTY) LIMITED</t>
  </si>
  <si>
    <t>INDWE RISK SERVICES (PTY) LTD</t>
  </si>
  <si>
    <t>SANKOFA INSURANCE BROKERS (PTY) LTD</t>
  </si>
  <si>
    <t>LATERAL UNISON &amp; COMPSURE</t>
  </si>
  <si>
    <t>TSHIANEO HOLDINGS (PTY) LTD</t>
  </si>
  <si>
    <t>ZALANI INVESTMENTS</t>
  </si>
  <si>
    <t>Provision of Operations Management Development and Management Development Programme for SARS</t>
  </si>
  <si>
    <t>USB EXECUTIVE DEVELOPMENT (PTY) LTD</t>
  </si>
  <si>
    <t>ENTERPRISES UNIVERSITY OF PRETORIA (PTY) LTD</t>
  </si>
  <si>
    <t>REGENESYS MANAGEMENT (PTY) LTD</t>
  </si>
  <si>
    <t xml:space="preserve">STELLENBOSCH UNIVERSITY THROUGH THE SCHOOL OF PUBLIC LEADERSHIP (SPL) </t>
  </si>
  <si>
    <t>MANCOSA (PTY) LTD</t>
  </si>
  <si>
    <t>UKZN EXTENDED LEARNING (PTY) LTD</t>
  </si>
  <si>
    <t xml:space="preserve">FACHS BUSINESS CONSULTING AND TRAINING </t>
  </si>
  <si>
    <t xml:space="preserve">HENLEY BUSINESS SCHOOL </t>
  </si>
  <si>
    <t xml:space="preserve">UNIVERSITY OF THE FREE STATE </t>
  </si>
  <si>
    <t>NELSON MANDELA UNIVERSITY BUSINESS SCHOOL</t>
  </si>
  <si>
    <t>RFP 31/2017</t>
  </si>
  <si>
    <t>Appointment of a service provider to conduct and provide compensation and benefit surveys</t>
  </si>
  <si>
    <t>RFP 28/2017</t>
  </si>
  <si>
    <r>
      <rPr>
        <sz val="7"/>
        <color theme="1"/>
        <rFont val="Times New Roman"/>
        <family val="1"/>
      </rPr>
      <t xml:space="preserve">       </t>
    </r>
    <r>
      <rPr>
        <sz val="11"/>
        <color theme="1"/>
        <rFont val="Calibri"/>
        <family val="2"/>
        <scheme val="minor"/>
      </rPr>
      <t>PWC Research Services (Pty) Ltd</t>
    </r>
  </si>
  <si>
    <r>
      <rPr>
        <sz val="7"/>
        <color theme="1"/>
        <rFont val="Times New Roman"/>
        <family val="1"/>
      </rPr>
      <t xml:space="preserve">    </t>
    </r>
    <r>
      <rPr>
        <sz val="11"/>
        <color theme="1"/>
        <rFont val="Calibri"/>
        <family val="2"/>
        <scheme val="minor"/>
      </rPr>
      <t>21</t>
    </r>
    <r>
      <rPr>
        <vertAlign val="superscript"/>
        <sz val="11"/>
        <color theme="1"/>
        <rFont val="Calibri"/>
        <family val="2"/>
        <scheme val="minor"/>
      </rPr>
      <t>st</t>
    </r>
    <r>
      <rPr>
        <sz val="11"/>
        <color theme="1"/>
        <rFont val="Calibri"/>
        <family val="2"/>
        <scheme val="minor"/>
      </rPr>
      <t xml:space="preserve"> Century Pay Solutions Company (Pty) Ltd</t>
    </r>
  </si>
  <si>
    <t>RFP 21/2017</t>
  </si>
  <si>
    <r>
      <t>Appointment of a chairperson for the SARS National Bargaining forum</t>
    </r>
    <r>
      <rPr>
        <b/>
        <sz val="11"/>
        <color rgb="FF1F497D"/>
        <rFont val="Calibri"/>
        <family val="2"/>
        <scheme val="minor"/>
      </rPr>
      <t xml:space="preserve"> </t>
    </r>
  </si>
  <si>
    <t xml:space="preserve">LINGALIBALELE &amp; ASSOCIATES INC / T/A LANKALEBALELO ATTORNEYS </t>
  </si>
  <si>
    <t xml:space="preserve">ILANGA LABOUR ASSOCIATES </t>
  </si>
  <si>
    <t>UNATHI CONSULTING (PTY) LTD</t>
  </si>
  <si>
    <t>METROPOLITAN HEALTH CORPORATE (PTY) LTD</t>
  </si>
  <si>
    <t xml:space="preserve">PROACTIVE HEALTH SOLUTIONS (PTY) LTD </t>
  </si>
  <si>
    <t>AURUM INNOVA (PTY) LTD</t>
  </si>
  <si>
    <t>OSHEQS HEALTH &amp; SAFETY SOLUTIONS (PTY) LTD</t>
  </si>
  <si>
    <t>OCCUSURE (PTY) LTD</t>
  </si>
  <si>
    <t>OHS CARE CC</t>
  </si>
  <si>
    <t>SENINHLE OCCUPATIONAL HEALTH SERVICES (PTY) LTD</t>
  </si>
  <si>
    <t>Provision of medical surveillance and immunisation for SARS on a regional basis</t>
  </si>
  <si>
    <t>RFP 22/2017</t>
  </si>
  <si>
    <t>RFP 30/2017</t>
  </si>
  <si>
    <t>Appointment of a Transactional advisor to facilitate the development of the Track and Trace Solution for excisable goods</t>
  </si>
  <si>
    <t>PROFESSIONAL SERVICES MALONGETE CONSULTING (PTY) LTD</t>
  </si>
  <si>
    <t>GREATER TRANSLOGIC ADVISORY SERVICES (PTY) LTD</t>
  </si>
  <si>
    <t>PAMOJA ASSET MANAGEMENT (PTY) LTD</t>
  </si>
  <si>
    <t xml:space="preserve">BASIS POINTS CAPITAL (PTY) LTD </t>
  </si>
  <si>
    <t>CHEDZA INTERNATIONAL LOSS ADJUSTERS (PTY) LTS T/A CRAWFORD</t>
  </si>
  <si>
    <t>RFP 16/2018</t>
  </si>
  <si>
    <t>Provision of travel management and related services</t>
  </si>
  <si>
    <t xml:space="preserve">GEMINI MOON TRADING 7 (PTY) LTD T/A XL NEXUS TRAVEL </t>
  </si>
  <si>
    <t>CLUB TRAVEL CORPORATE (PTY) LTD T/A CLUB CORPORATE TRAVEL (PTY) LTD</t>
  </si>
  <si>
    <t>RENNIES TRAVEL (PTY) LTD</t>
  </si>
  <si>
    <t>BATSUMI TRAVEL (PTY) LTD</t>
  </si>
  <si>
    <t xml:space="preserve">S&amp;J BAYLIS (PTY) LTD T/A MUNLIN TRAVEL </t>
  </si>
  <si>
    <t>ULTIMATE TRAVEL (PTY) LTD</t>
  </si>
  <si>
    <t xml:space="preserve">ATLANTIS CORPORATE TRAVEL </t>
  </si>
  <si>
    <t xml:space="preserve">WINGS NALEDI TRAVEL MANAGEMENT </t>
  </si>
  <si>
    <t>TOURVEST TRAVEL SERVICES - A DIVISION OF TOURVEST HOLDINGS (PTY) LTD</t>
  </si>
  <si>
    <t>TRAVEL WITH FLAIR (PTY) LTD</t>
  </si>
  <si>
    <t>(RFP)14/2018</t>
  </si>
  <si>
    <t>Supply &amp; delivery of public seating at SARS taxpayer service offices</t>
  </si>
  <si>
    <t>SARSKI TRADING (PTY) LTD</t>
  </si>
  <si>
    <t>NGWENYA CHAIR COMPONENTS CC</t>
  </si>
  <si>
    <t>REGENCY OFFICE FURNITURE</t>
  </si>
  <si>
    <t>OFFICE STUDIO CC</t>
  </si>
  <si>
    <t>BIDVEST WALTONS</t>
  </si>
  <si>
    <t>MAYFAY SERVICES</t>
  </si>
  <si>
    <t>KIKA FURNITURE (PTY) LTD T/A FURNITURE FAIR</t>
  </si>
  <si>
    <t>MAMOPHODI TRADING (PTY) LTD</t>
  </si>
  <si>
    <t>RODLIN DESIGN SA (PTY) LTD</t>
  </si>
  <si>
    <t xml:space="preserve">TECHNOLOGY DISTRIBUTION INNOVATIONS (Pty) Ltd </t>
  </si>
  <si>
    <t>NJ GRANDSON HOLDINGS (PTY) LTD</t>
  </si>
  <si>
    <t>PRIME OFFICE FURNITURE CONTRACT (PTY) LTD</t>
  </si>
  <si>
    <t>PSS SA (PTY) LTD</t>
  </si>
  <si>
    <t xml:space="preserve">MULUNGU FURNITURE (PTY) LTD </t>
  </si>
  <si>
    <t>CECIL NURSE A DIVISION OF BIDVEST OFFICE (PTY) LTD</t>
  </si>
  <si>
    <t>SPINMET CC</t>
  </si>
  <si>
    <t>BDK OFFICE FURNITURE</t>
  </si>
  <si>
    <t>EASY OFFICE FURNITURE &amp; SUPPLIES</t>
  </si>
  <si>
    <t>KGABOTHATHO TRADING ENTERPRISE</t>
  </si>
  <si>
    <t>TENDER AQUMEN (PTY) LTD</t>
  </si>
  <si>
    <t>TS CAFÉ ENTERPISES (PTY) LTD</t>
  </si>
  <si>
    <t>MASAKHANE SEATING (PTY) LTD</t>
  </si>
  <si>
    <t>ORENG TRADING CC</t>
  </si>
  <si>
    <t>(RFP)15/2018</t>
  </si>
  <si>
    <t>Supply &amp; delivery of visitor’s chairs (A) and Supply, delivery &amp; installation of office furniture at SARS Bloemfontein (B)</t>
  </si>
  <si>
    <t>NEW ERA OFFICE CC</t>
  </si>
  <si>
    <t>G-MAC OFFICE SOLUTIONS (PTY) LTD</t>
  </si>
  <si>
    <t>EZMAKU (PTY) LTD</t>
  </si>
  <si>
    <t xml:space="preserve">RAJURILI OFFICE DESIGNS </t>
  </si>
  <si>
    <t>SIMPHIWE BUILD N DECOR</t>
  </si>
  <si>
    <t>M AND F BUSINESS FURNITURE (PTY) LTD</t>
  </si>
  <si>
    <t>LUTAK CONSULTING</t>
  </si>
  <si>
    <t>SHUMASH TRADING ENTERPRISE</t>
  </si>
  <si>
    <t xml:space="preserve">PRIME OFFICE FURNITURE CONTRACT (PTY) LTD </t>
  </si>
  <si>
    <t>Supply, delivery and installation of shopfitting at the Bloemfontein SARS taxpayer office</t>
  </si>
  <si>
    <t>RAMALEPHATSO INDUSTRIES CC</t>
  </si>
  <si>
    <t>TENACITY CONSULTING &amp; MOKODI BUSINESS ENTERPRISE (JV)</t>
  </si>
  <si>
    <t>RFP (22)/2018</t>
  </si>
  <si>
    <t>RFP20/2018</t>
  </si>
  <si>
    <t>APPOINTMENT OF A SERVICE PROVIDER TO PROVIDE SARS WITH BRAND AND BUSINESS PERCEPTION SURVEYS</t>
  </si>
  <si>
    <t>GENEX INSIGHTS PTY LTD</t>
  </si>
  <si>
    <t xml:space="preserve">GROUND CONTROL CONNECT PTY LTD </t>
  </si>
  <si>
    <t>RFP33/2017</t>
  </si>
  <si>
    <t>PROVISION OF PRE-EMPLOYMENT SCREENING &amp; RELATED SERVICES</t>
  </si>
  <si>
    <t>ZOIA CONSULTING (PTY) LTD T/A DOTS AFRICA</t>
  </si>
  <si>
    <t>MANAGED INTEGRITY EVALUATION (PTY) LTD</t>
  </si>
  <si>
    <t>RMG FORENSIC SERVICES (PTY) LTD</t>
  </si>
  <si>
    <t>BASADZI MEDIA AND PERSONNEL</t>
  </si>
  <si>
    <t>ODIRE CONSULTING SERVICES CC</t>
  </si>
  <si>
    <t>KA RESOURCES (PTY) LTD</t>
  </si>
  <si>
    <t>NATIONAL VALIDATION SERVICES</t>
  </si>
  <si>
    <t xml:space="preserve">IDENTICRUIT (PTY) LTD </t>
  </si>
  <si>
    <t xml:space="preserve">ICAS &amp; EMPLOYEE &amp; ORGANISATION ENHANCEMENT SERVICES </t>
  </si>
  <si>
    <t>THIS IS ME (PTY) LTD</t>
  </si>
  <si>
    <t>POWER POINT LIFESTYLES (PTY) LTD</t>
  </si>
  <si>
    <t>BDO ADVISORY SERVICES (PTY) LTD</t>
  </si>
  <si>
    <t>HUNGA GROUP OF COMPANIES</t>
  </si>
  <si>
    <t>RFP26/2016</t>
  </si>
  <si>
    <t>ESTABLISHMENT OF A LIST OF SERVICE PROVIDERS FOR RECRUITMENT SERVICE</t>
  </si>
  <si>
    <t>TIAMO PERSONNEL</t>
  </si>
  <si>
    <t>CUSTOMISATION &amp; IMPLEMENTATION OF ADVANCED ECONOMICS PROGRAMME</t>
  </si>
  <si>
    <t xml:space="preserve">RHODES UNIVERSITY BUSINESS SCHOOL </t>
  </si>
  <si>
    <t xml:space="preserve">AMILE PROJECTS (PTY) LTD </t>
  </si>
  <si>
    <t xml:space="preserve">CADENCE GROWTH SOLUTIONS (PTY) LTD </t>
  </si>
  <si>
    <t>COMPUBOOKS (PTY) LTD</t>
  </si>
  <si>
    <t>MATHALE INVESTMENTS</t>
  </si>
  <si>
    <t>PUREAU FRESH WATER CO (PTY) LTD</t>
  </si>
  <si>
    <t>WOMEN CHOICE QUALITY WATER (PTY) LTD</t>
  </si>
  <si>
    <t>(RFP)23/2018</t>
  </si>
  <si>
    <t>Supply, installation and maintenance of free standing hot and cold water dispensers and supply and delivery of bottled water to certain SARS offices, nationwide for a period of 36 months</t>
  </si>
  <si>
    <t>AFROCENTRIC INTELLECTUAL PROPERTY (PTY) LTD</t>
  </si>
  <si>
    <t>THE PROVISION FOR THE RENEWAL OF LICENSING SUPPORT &amp; MAINTENANCE OF MICRO FOCUS TESTING TOOLS</t>
  </si>
  <si>
    <t>RFP31/2018</t>
  </si>
  <si>
    <t>RFP 32/2018</t>
  </si>
  <si>
    <t>Appointment of a service provider for print and online subscription of newspapers nationwide</t>
  </si>
  <si>
    <t>THATHUSO PROJECTS</t>
  </si>
  <si>
    <t>REX BOOKS (PTY) LTD</t>
  </si>
  <si>
    <t>Appointment of a qualified service provider (Grade 5SN or higher) for the refurbishment and waterproofing of roofs at SARS Alberton campus building</t>
  </si>
  <si>
    <t>RFP 34/2018</t>
  </si>
  <si>
    <t xml:space="preserve">BAPEDI AND ASSOCIATES </t>
  </si>
  <si>
    <t>TBS MANAGEMENT CONSULTANTS &amp; PROJECTS CC</t>
  </si>
  <si>
    <t>AQUAPRROF PROJECTS CC</t>
  </si>
  <si>
    <t>SANIKA AKHANANI</t>
  </si>
  <si>
    <t>RFP 30/2018</t>
  </si>
  <si>
    <t>TURN KEY SOLUTION FOR SARS CONTACT CENTRE IN BELLVILLE, WESTERN CAPE</t>
  </si>
  <si>
    <t>QUALITY STREET REAL ESTATE (PTY) LTD</t>
  </si>
  <si>
    <t xml:space="preserve">SPEAR HOLDCO (PTY) LTD </t>
  </si>
  <si>
    <t xml:space="preserve">GROWTHPOINT PROPERTIES LIMITED </t>
  </si>
  <si>
    <t xml:space="preserve">AMBITION RECRUITMENT SERVICES LIMITED </t>
  </si>
  <si>
    <t>RFP 24/2018</t>
  </si>
  <si>
    <t>Appointment of suitably qualified 7ME or higher (CIDB grade) contractor to upgrade, install, repair and maintain the HVAC at Lehae la SARS</t>
  </si>
  <si>
    <t>Lumacon Leswao JV</t>
  </si>
  <si>
    <t>Coeng Consulting and Construction Engineers</t>
  </si>
  <si>
    <t>Namasthethu Electrical (Pty) Ltd</t>
  </si>
  <si>
    <t>Usizu Technical Services</t>
  </si>
  <si>
    <t>Akon-Kha Projects Management (Pty) Ltd JV Good Example Trading &amp; Projects</t>
  </si>
  <si>
    <t>Amakhaza Moia (Pty) Ltd</t>
  </si>
  <si>
    <t>Service First GP (Pty) Ltd</t>
  </si>
  <si>
    <t>Cool Breeze Airconditioning &amp; Refrigeration</t>
  </si>
  <si>
    <t>TCT Civil and Construction</t>
  </si>
  <si>
    <t>LKB Engineering Pty Ltd</t>
  </si>
  <si>
    <t>Printing, Packing and Labelling of Communication Material Services to SARS</t>
  </si>
  <si>
    <t>SHERENO PRINTERS CC</t>
  </si>
  <si>
    <t>MOTHOKWA TRADING AND PROJECTS</t>
  </si>
  <si>
    <t>LEBONE LITHO PRINTERS (PTY) LTD</t>
  </si>
  <si>
    <t>RFP 45/2018</t>
  </si>
  <si>
    <t>Provision of Business Facilitation services for SARS Leadership</t>
  </si>
  <si>
    <t>NKULULEKO LEADERSHIP CONSULTING (PTY) LTD</t>
  </si>
  <si>
    <t>FULIGRAPH (PTY) LTD T/A N2 GROWTH / LANDELAHNI MANAGEMENT HR CONSULTING. ADVISORY</t>
  </si>
  <si>
    <t xml:space="preserve">MANTO MANAGEMENT (PTY) LTD </t>
  </si>
  <si>
    <t>CYCAN (PTY) LTD</t>
  </si>
  <si>
    <t>RFP 50/2018</t>
  </si>
  <si>
    <t>APPOINTMENT OF A SERVICE PROVIDER FOR STAGING SARS ANNUAL AMAKHWEZI NATIONAL AWARDS CEREMONY</t>
  </si>
  <si>
    <t>RFP 48/2018</t>
  </si>
  <si>
    <t>BLUE MOON CORPORATE COMMUNICATIONS (PTY) LTD</t>
  </si>
  <si>
    <t>THE COMMUNICATION FIRM (PTY) LTD</t>
  </si>
  <si>
    <t>RFP60/2018</t>
  </si>
  <si>
    <t>G4S CASH SOLUTIONS (SA) PTY LTD</t>
  </si>
  <si>
    <t xml:space="preserve">UMNOTHO CASH MANAGEMENT GROUP (PTY) LTD </t>
  </si>
  <si>
    <t>FIDELITY CASH SOLUTIONS (PTY) LTD</t>
  </si>
  <si>
    <t>PROVISION OF ASSETS IN TRANSIT SERVICES FOR SARS</t>
  </si>
  <si>
    <t>Provision of a bespoke software development, maintenance and support services to SARS</t>
  </si>
  <si>
    <t>RFP 59/2018</t>
  </si>
  <si>
    <t xml:space="preserve">BYTES SYSTEMS INTEGRATION - A DIVISION OF ALTRON TMT (PTY) LTD </t>
  </si>
  <si>
    <t>IBM SOUTH AFRICA (PTY) LTD</t>
  </si>
  <si>
    <t>BARONE, BUDGE &amp; DOMINICK (PTY) LTD</t>
  </si>
  <si>
    <t>SETSIBI IT SUPPORT SERVICES</t>
  </si>
  <si>
    <t>SMADA TECHNOLOGIES (PTY) LTD</t>
  </si>
  <si>
    <t>RFP 64/2018</t>
  </si>
  <si>
    <t>TURNKEY SOLUTION FOR SARS CONTACT CENTRE IN BELLVILLE, WESTERN CAPE</t>
  </si>
  <si>
    <t>NERANGO CONSULTING ENGINEERS</t>
  </si>
  <si>
    <t>RFP 63/2018</t>
  </si>
  <si>
    <t>Appointment of a suitably qualified general contractor (CIDB Grade 2 GB or Higher) to make changes to the fire escape doors and windows at lehae la sars for all floors of blocks A &amp; D only</t>
  </si>
  <si>
    <t>AMILE PROJECTS (PTY) LTD</t>
  </si>
  <si>
    <t>UBANGIZWE CONSTRUCTION &amp; PLANT HIRE</t>
  </si>
  <si>
    <t>VUMILE CONSULTING &amp; PROJECTS (PTY) LTD</t>
  </si>
  <si>
    <t>URIZIMA 145 CC</t>
  </si>
  <si>
    <t>TSWELLA ENGINEERING PROJECTS</t>
  </si>
  <si>
    <t>SBP GLASS ALUMINIUM STEELWORKS &amp; CONSTRUCTION</t>
  </si>
  <si>
    <t>ROMSQUARED (PTY) LTD</t>
  </si>
  <si>
    <t>RFP 46/2018</t>
  </si>
  <si>
    <t>Bulk Printing (Pre-Printed Forms and System Generated Forms)</t>
  </si>
  <si>
    <t>INSIDE DATA NORTH (PTY) LTD</t>
  </si>
  <si>
    <t>BIDVEST DATA (PTY) LTD - DIVISION OF BIDVEST PAPERPLUS (PTY) LTD</t>
  </si>
  <si>
    <t>UNIPRINT FORM - DIVISION OF TISO BLACKSTAR GROUP (PTY) LTD</t>
  </si>
  <si>
    <t>LITHOTECH - DIVISION OF BIDVEST PAPERPLUS</t>
  </si>
  <si>
    <t>Appointment of a service provider for one on one executive coaching services</t>
  </si>
  <si>
    <t>EMERGENCE GROWTH SOUTH AFRICA</t>
  </si>
  <si>
    <t>PRICEWATERHOUSE COOPERS</t>
  </si>
  <si>
    <t xml:space="preserve">PEOPLE INSPIRED HR </t>
  </si>
  <si>
    <t xml:space="preserve">OIM INVESTMENTS (PTY) LTD </t>
  </si>
  <si>
    <t>THE COACHING CENTRE (PTY) LTD</t>
  </si>
  <si>
    <t xml:space="preserve">HASHTAG LEADERSHIP CAFE </t>
  </si>
  <si>
    <t>ZION HUMAN RESOURCES CONSULTANTS (PTY) LTD</t>
  </si>
  <si>
    <t>TINDZABA CONSULTING (PTY) LTD</t>
  </si>
  <si>
    <t>GORDON CARBON SOLUTIONS</t>
  </si>
  <si>
    <t>CHANGE PARTNERS COACHING</t>
  </si>
  <si>
    <t xml:space="preserve">RESONANCE COACHING </t>
  </si>
  <si>
    <t>TALENT LINE CONSULTING (PTY) LTD</t>
  </si>
  <si>
    <t>CAREWAYS WELLNESS (PTY) LTD</t>
  </si>
  <si>
    <t xml:space="preserve">OMNICOR (PTY) LTD </t>
  </si>
  <si>
    <t>GENERATIVE CONVERSATIONS (PTY) LTD</t>
  </si>
  <si>
    <t>RFP 62/2018</t>
  </si>
  <si>
    <t>Ubuntu Protronics Joint Venture 
(Ubuntu Technologies (Pty) Ltd &amp; Protronics Infrastructure Solutions (Pty) Ltd)</t>
  </si>
  <si>
    <t>Deltron Projects (Pty) Ltd</t>
  </si>
  <si>
    <t>XON Systems (Pty) Ltd</t>
  </si>
  <si>
    <t xml:space="preserve">Nextec Industrial Technologies (Pty) Ltd </t>
  </si>
  <si>
    <t>Infrasol (Pty) Ltd</t>
  </si>
  <si>
    <r>
      <t xml:space="preserve">Sizwe </t>
    </r>
    <r>
      <rPr>
        <sz val="12"/>
        <rFont val="Calibri"/>
        <family val="2"/>
      </rPr>
      <t>Africa IT Group (Pty) Ltd</t>
    </r>
  </si>
  <si>
    <t>Bridging Technologies South Africa (Pty) Ltd t/a BTSA (Pty) Ltd</t>
  </si>
  <si>
    <t>RFP 65/2018</t>
  </si>
  <si>
    <t>The provision of maintenance services of SARS ICT facilities infrastructure for a period of five (5) years</t>
  </si>
  <si>
    <t>RFP 52/2018</t>
  </si>
  <si>
    <t>A Panel of Expert Advisory Services (Forensic Investigations, Internal Audit, Financial Risk Management, Valuations Advice, Debt Management And Digital Forensic Services)</t>
  </si>
  <si>
    <t>Qhubeka Forensic Services (Pty) Ltd</t>
  </si>
  <si>
    <t>Ligwa Advisory Services (Pty) Ltd</t>
  </si>
  <si>
    <t>ENS Forensics (Pty) Ltd
1998/015187/07</t>
  </si>
  <si>
    <t>Basis Points Capital (Pty) Ltd
2007/025336/07</t>
  </si>
  <si>
    <t>Boikano Accountants Inc.
2009/010061/21</t>
  </si>
  <si>
    <t>Entsika Consulting Services (Pty) Ltd
2009/006546/07</t>
  </si>
  <si>
    <t>Nudebt Management (Pty) Ltd</t>
  </si>
  <si>
    <t>CAJV (Pty) Ltd</t>
  </si>
  <si>
    <t>Maponya (Johannesburg) Incorporated
2001/024379/21</t>
  </si>
  <si>
    <t>PriewaterhouseCoopers Inc.</t>
  </si>
  <si>
    <t>Inqaba Kadiya Consulting (Pty) Ltd</t>
  </si>
  <si>
    <t>Sizwe Ntsaluba Gobodo Grant Thornton Advisory Services</t>
  </si>
  <si>
    <t>Linda MacPhail Consulting (Pty) Ltd</t>
  </si>
  <si>
    <t>Blitz Silcm J.V</t>
  </si>
  <si>
    <t>OMA Chartered Accountants Inc.
2004/032348/21</t>
  </si>
  <si>
    <t>Abacus FCA (Pty) Ltd</t>
  </si>
  <si>
    <t>Sedupe &amp; Metja Consulting (Pty) Ltd</t>
  </si>
  <si>
    <t>Ukhozi Forensics and Consulting Services</t>
  </si>
  <si>
    <t>Revenue Consulting (Pty) Ltd
1996/017452/07</t>
  </si>
  <si>
    <t>Ongoti Risk Management Services (Pty) Ltd</t>
  </si>
  <si>
    <t>Ngubane and Company (Johannesburg) t/a Ngubane and Co.
2010/016757/21</t>
  </si>
  <si>
    <t>Exactech (Pty) Ltd
2013/178076/07</t>
  </si>
  <si>
    <t>Morar Incorporated
2000/008551/21</t>
  </si>
  <si>
    <t>Tic &amp; Mend (Pty) Ltd
2016/025010/07</t>
  </si>
  <si>
    <t>Victorious Chartered Accountants Inc.
2015/258401/21</t>
  </si>
  <si>
    <t>Nexus Forensic Services (Pty) Ltd</t>
  </si>
  <si>
    <t>Vezi and De Beers Inc.
2006/020117/21</t>
  </si>
  <si>
    <t>Cyanre The Digital Forensic Lab (Pty) Ltd
2006/010865/07</t>
  </si>
  <si>
    <t>Ubucule Accountants &amp; Genesis Consortium</t>
  </si>
  <si>
    <t>Buba Attorneys Inc.
2013/218234/21</t>
  </si>
  <si>
    <t>StoneTurn Group South Africa (Pty) Ltd</t>
  </si>
  <si>
    <t>Mazars Advisory (Pty) Ltd</t>
  </si>
  <si>
    <t>Open Water Advanced Risk Solutions (Pty) Ltd
2001/013556/07</t>
  </si>
  <si>
    <t>Nexia SAB &amp; T Chartered Accountants Incorporated
1997/018869/21</t>
  </si>
  <si>
    <t>Ziyasiza Consulting (Pty) Ltd</t>
  </si>
  <si>
    <t>Fumile_FTMG Joint Venture</t>
  </si>
  <si>
    <t>KPMG Services (Pty Limited
1999/012876/07</t>
  </si>
  <si>
    <t>Forensic Investigation Risk &amp; Ricovery Management (Pty) Ltd</t>
  </si>
  <si>
    <t>Bowman Gilfillan Incorporated</t>
  </si>
  <si>
    <t>RW Forensics and Consulting (Pty) Ltd
2014/237822/07</t>
  </si>
  <si>
    <t>XTND Pty Ltd /Servaas du Plessis</t>
  </si>
  <si>
    <t>Accountants @ Law (Pty) Ltd</t>
  </si>
  <si>
    <t>JGL Forensic Services (Pty) Ltd
2005/013631/07</t>
  </si>
  <si>
    <t>Santhos Manilall Forensics (Pty) Ltd
2011/135352/07</t>
  </si>
  <si>
    <t>RFP 53/2018</t>
  </si>
  <si>
    <t>The acquisition, maintenance, support and related services for security administration and reporting solution supporting Z/Os security server (RACF) for a period of thirty six (36) months</t>
  </si>
  <si>
    <t>Business Connexion (Pty) Ltd</t>
  </si>
  <si>
    <t>Blue Turtle Technologies (Pty) Ltd</t>
  </si>
  <si>
    <t>RFT 01/2018</t>
  </si>
  <si>
    <t>SUPPLY AND DELIVERY OF LAPTOPS, DESKTOPS AND RELATED SERVICES TO SARS FOR A PERIOD OF FIVE (5) YEARS</t>
  </si>
  <si>
    <t>XON SYSTEMS (PTY) LTD</t>
  </si>
  <si>
    <t>SIZWE AFRICA IT GROUP (PTY) LTD</t>
  </si>
  <si>
    <t>MR. PC CENTRAL AND CORPORATE (PTY) LTD</t>
  </si>
  <si>
    <t>CHM VUWANI COMPUTER SOLUTIONS (PTY) LTD</t>
  </si>
  <si>
    <t>AE SOFT (PTY) LTD</t>
  </si>
  <si>
    <t>IKANDO (PTY) LTD T/A IT MASTER</t>
  </si>
  <si>
    <t>RFP 29/2018</t>
  </si>
  <si>
    <t>Procurement of geographical information system (GIS) including maintenance and support service</t>
  </si>
  <si>
    <t>RFT 02/2018</t>
  </si>
  <si>
    <t>SUPPLY, DELIVERY AND IMPLEMENTATION BULK DOCUMENT SCANNERS AND RELATED SERVICES TO SARS FOR A PERIOD OF 5 YEARS</t>
  </si>
  <si>
    <t>KHAULEZA IT SOLUTIONS (PTY) LTD</t>
  </si>
  <si>
    <t>MVULA WORX GROUP (PTY) LTD</t>
  </si>
  <si>
    <t>RISKSCAPE (PTY) LTD</t>
  </si>
  <si>
    <t>NT GEOMATICS GAUTENG CC</t>
  </si>
  <si>
    <t>GIS INFORMATICS (PTY) LTD</t>
  </si>
  <si>
    <t>ESRI SOUTH AFRICA (PTY) LTD</t>
  </si>
  <si>
    <t>RFP 68/2018</t>
  </si>
  <si>
    <t>ACCENTURE (SOUTH AFRICA) (PTY) LTD</t>
  </si>
  <si>
    <t xml:space="preserve">BUSINESS CONNEXION (PTY) LTD </t>
  </si>
  <si>
    <t xml:space="preserve">CONTINUITY SA (PTY) LTD </t>
  </si>
  <si>
    <t>Appointment of a service provider for the development and implementation of a business continuity management programme</t>
  </si>
  <si>
    <t>RFP 35/2018</t>
  </si>
  <si>
    <t>Procurement of an integrated IT operations network troubleshooting tool including maintenance and support services</t>
  </si>
  <si>
    <t>CA SOUTHERN AFRICA (PTY) LTD</t>
  </si>
  <si>
    <t>ENVISAGE SOLUTIONS (PTY) LTD</t>
  </si>
  <si>
    <t>CREODATA GOVERNANCE SOLUTION (PTY) LTD</t>
  </si>
  <si>
    <t>PHUNGO ICT SOLUTIONS (PTY) LTD</t>
  </si>
  <si>
    <t>SEKHASIMBE CONSIENTIOUS COMPANY (PTY) LTD</t>
  </si>
  <si>
    <t xml:space="preserve">AFROCENTRICS PROJECTS &amp; SERVICES (PTY) LTD T/A INNOVATION DISTRIBUTION </t>
  </si>
  <si>
    <t>SCEPTER SOLUTIONS</t>
  </si>
  <si>
    <t xml:space="preserve">DATACENTRIX (PTY) LTD </t>
  </si>
  <si>
    <t>RFT 05/2018</t>
  </si>
  <si>
    <t>IMAGE ANALYSIS &amp; INTERPRETATION TRAINING FOR CUSTOMS BAGGAGE SCANNER OPERATORS FOR THE SARS</t>
  </si>
  <si>
    <t xml:space="preserve">NUCTECH COMPAMY LIMITED </t>
  </si>
  <si>
    <t>RFP 67/2018</t>
  </si>
  <si>
    <t>Appointment ofService Providers for Information Technology and Related 
Courses ( Classroom and Online Training Delivery)</t>
  </si>
  <si>
    <t>Pink Elephant South Africa (Pty) Ltd</t>
  </si>
  <si>
    <t>Randland IT Solutions</t>
  </si>
  <si>
    <t>Interactive Collaboration Training World (Pty) Ltd</t>
  </si>
  <si>
    <t>Innovative Knowledge Worx Trading &amp; Projects (Pty) Ltd</t>
  </si>
  <si>
    <t>Torque Technical Computer Training (Pty) Ltd</t>
  </si>
  <si>
    <t>Impimpi Techniologies (Pty) Ltd</t>
  </si>
  <si>
    <t>Netcampus (Pty) Ltd</t>
  </si>
  <si>
    <t xml:space="preserve">Analytix Academy </t>
  </si>
  <si>
    <t>Genwireless (Pty) Ltd</t>
  </si>
  <si>
    <t>Foster-Melliar (Pty) Ltd</t>
  </si>
  <si>
    <t>Bytes People Solutions (div. of Altron TMT (Pty) Ltd</t>
  </si>
  <si>
    <t>Fachs Business Consulting</t>
  </si>
  <si>
    <t>IT Certification Academy (Pty) Ltd</t>
  </si>
  <si>
    <t>CTU Training Solutions Corporate (Pty) Ltd</t>
  </si>
  <si>
    <t>RFP 10/2019</t>
  </si>
  <si>
    <t>SARS TENDER BIDS RECEIVED FOR 2019/2020</t>
  </si>
  <si>
    <t>Brightrock Life Limited</t>
  </si>
  <si>
    <t>Sanlam Life Insurance</t>
  </si>
  <si>
    <t>Liberty Group (Pty) Ltd</t>
  </si>
  <si>
    <t>Alexander Forbes Life limited</t>
  </si>
  <si>
    <t>Old Mutual Life Assurance Company</t>
  </si>
  <si>
    <t>MMI Group Ltd</t>
  </si>
  <si>
    <t>RFP 004/2019</t>
  </si>
  <si>
    <t>Appointment of a service provider for the provision of marketing &amp; 
advertising services</t>
  </si>
  <si>
    <t>882 Holding (Pty) Ltd T/A 882 people</t>
  </si>
  <si>
    <t>A Few Good Men/ June 15 Agency</t>
  </si>
  <si>
    <t>Afropulse Media (Pty) Ltd</t>
  </si>
  <si>
    <t>Avatar Agency (Pty) Ltd</t>
  </si>
  <si>
    <t>Busi Ntuli Communications</t>
  </si>
  <si>
    <t>Collective ID (Pty) Ltd</t>
  </si>
  <si>
    <t>Cut to Black Media (Pty) Ltd</t>
  </si>
  <si>
    <t>Etiket Brand Design (Pty) Ltd</t>
  </si>
  <si>
    <t>FCB Africa (Pty) Ltd</t>
  </si>
  <si>
    <t>Ink &amp; Feather Communications &amp; Marketing Cc</t>
  </si>
  <si>
    <t>MacCann Worldgroup SA (Pty) Ltd</t>
  </si>
  <si>
    <t>Mashabela Creatives CC</t>
  </si>
  <si>
    <t>Publics Communication</t>
  </si>
  <si>
    <t>Six Fingazs Media</t>
  </si>
  <si>
    <t>Red Cherry Media Holdings (Pty) Ltd</t>
  </si>
  <si>
    <t>Retrolex Consultancy</t>
  </si>
  <si>
    <t>Roering Creative Kin (Pty) Ltd</t>
  </si>
  <si>
    <t>Havas</t>
  </si>
  <si>
    <t>Network BBDO</t>
  </si>
  <si>
    <t>Indingingiliza Advertising &amp; Marketing</t>
  </si>
  <si>
    <t>House of the Brave (Pty) Ltd</t>
  </si>
  <si>
    <t>M &amp; C Saatchi Abel</t>
  </si>
  <si>
    <t>Appointment of an IT resource from RFP 14/2017 to assist SARS on the GRAP
migration programme.</t>
  </si>
  <si>
    <t>Accenture (South Africa ) (Pty) Ltd</t>
  </si>
  <si>
    <t>Price Waterhouse Coopers</t>
  </si>
  <si>
    <t>Nambiti Technology (Pty) Ltd</t>
  </si>
  <si>
    <t>RFP 007/2019 (Close Tender)</t>
  </si>
  <si>
    <t>Bayajula Services (Pty) Ltd</t>
  </si>
  <si>
    <t>RFP 008/2019 (Close Tender)</t>
  </si>
  <si>
    <t>Appointment of an IT resource from RFP 14/2017 for transaction payment 
notification system.</t>
  </si>
  <si>
    <t>Ikando (Pty) Ltd / IT Master</t>
  </si>
  <si>
    <t xml:space="preserve">RFP 014/2019 </t>
  </si>
  <si>
    <t>Pest management program for all SARS Offices country wide.</t>
  </si>
  <si>
    <t>Supercare Hygiene (Pty) Ltd</t>
  </si>
  <si>
    <t>Masana Hygiene Services</t>
  </si>
  <si>
    <t>Rentokil Initial (Pty) Ltd</t>
  </si>
  <si>
    <t>Bidvest Steiner</t>
  </si>
  <si>
    <t>HGS Projects</t>
  </si>
  <si>
    <t>Mana Group (Pty) Ltd</t>
  </si>
  <si>
    <t>Kameso Hygiene Services</t>
  </si>
  <si>
    <t>Kempston Cleaning Services / div. of Garret Assemblies Cc</t>
  </si>
  <si>
    <t>Orizoe Services</t>
  </si>
  <si>
    <t>Adventure Industrial Cleaning</t>
  </si>
  <si>
    <t>AB Group carpet &amp; Pest Control</t>
  </si>
  <si>
    <t>Utshalomali Cleaning &amp; Hygiene Solution</t>
  </si>
  <si>
    <t>Pay Pest Control</t>
  </si>
  <si>
    <t>Bhekani Abantu Security &amp; Maintenance Services</t>
  </si>
  <si>
    <t>Royal Pest Management</t>
  </si>
  <si>
    <t>Kusile Hygiene Industrial Service</t>
  </si>
  <si>
    <t>Sidze Pest Management &amp; Projects</t>
  </si>
  <si>
    <t>Office Wide Facilities Solutions</t>
  </si>
  <si>
    <t>Appointment of a group life insurer.</t>
  </si>
  <si>
    <t xml:space="preserve">RFP 020/2019 </t>
  </si>
  <si>
    <t>Maintenance and Support of SAP Auxilliary Tools.</t>
  </si>
  <si>
    <t>Engaged  Business Consultants - ESP Dynamic Innovations</t>
  </si>
  <si>
    <t>Epi-Use Africa (Pty) Ltd</t>
  </si>
  <si>
    <t xml:space="preserve">Tech Mahindra South Africa </t>
  </si>
  <si>
    <t>Invoke Solutions (Pty) Ltd</t>
  </si>
  <si>
    <t xml:space="preserve">RFP 013/2019 </t>
  </si>
  <si>
    <t>Appointment of a Service Provider for Marketing &amp; Advertising Services</t>
  </si>
  <si>
    <t>Mthente Research &amp; Consulting Services</t>
  </si>
  <si>
    <t>African Response (Pty) Ltd</t>
  </si>
  <si>
    <t>Ramgoolam (Pty) Ltd</t>
  </si>
  <si>
    <t>Plus 94 Research (Pty) Ltd</t>
  </si>
  <si>
    <t>Citizen Services (Pty) Ltd</t>
  </si>
  <si>
    <t>IQ Business (Pty) Lyd</t>
  </si>
  <si>
    <t>Mluleki Ncube</t>
  </si>
  <si>
    <t>RFP 21/2019</t>
  </si>
  <si>
    <t>Supply,Install &amp; Maintenance of Hot and Cold Water Dispensers</t>
  </si>
  <si>
    <t>Impact Cleaning</t>
  </si>
  <si>
    <t>Nhlasi Electrical (Pty) Ltd</t>
  </si>
  <si>
    <t>Servest (Pty) Ltd</t>
  </si>
  <si>
    <t>Lutak Consulting</t>
  </si>
  <si>
    <t>Les &amp; OA Trading and Projects (Pty) Ltd</t>
  </si>
  <si>
    <t>Le Mesurier Trading cc / TA H2O International Sea Point</t>
  </si>
  <si>
    <t>Brand Contact Consulting (Pty) Ltd</t>
  </si>
  <si>
    <t>Kgaofilwe Distribution Enterprise (Pty) Ltd</t>
  </si>
  <si>
    <t>Tammy Trucking Transport</t>
  </si>
  <si>
    <t>MKD 246 Projects &amp; Logistics (Pty) Ltd</t>
  </si>
  <si>
    <t>RFP 23/2019  (Close Tender)</t>
  </si>
  <si>
    <t>Appointment of Software Testing Resource for HTLM5 &amp; Windows 10</t>
  </si>
  <si>
    <t>Accenture (South Africa) (Pty) Ltd</t>
  </si>
  <si>
    <t>EOH Mthombp (Pty) Ltd</t>
  </si>
  <si>
    <t>Quantum Leap Consulting</t>
  </si>
  <si>
    <t>Barone, Budge &amp; Dominick</t>
  </si>
  <si>
    <t>RFP 15/2019</t>
  </si>
  <si>
    <t>Provision of Cleaning Services at SARS Offices, Nationwide</t>
  </si>
  <si>
    <t xml:space="preserve">Nceda Cleaning &amp; Security </t>
  </si>
  <si>
    <t>Khera Cleaning Services (Pty) Ltd</t>
  </si>
  <si>
    <t>Zara Cleaning Service</t>
  </si>
  <si>
    <t>Ariel Soft Service t/a Ariel Cleaning Services</t>
  </si>
  <si>
    <t>Clean tech Solutions (Pty) Ltd</t>
  </si>
  <si>
    <t>Kusile Hygiene Industrial Services</t>
  </si>
  <si>
    <t>Sanitech (Div. of Waco Africa) (Pty) Ltd</t>
  </si>
  <si>
    <t>Masana Industrial Services (Pty) Ltd</t>
  </si>
  <si>
    <t>Kuyaba Services (pty) Ltd</t>
  </si>
  <si>
    <t>Afriboom Cleaning Services (Pty) Ltd</t>
  </si>
  <si>
    <t>Sibhushwana Décor &amp; Design</t>
  </si>
  <si>
    <t>Venphuti Business Solutions</t>
  </si>
  <si>
    <t>Tormaline Cleaners</t>
  </si>
  <si>
    <t xml:space="preserve">Tsebo Solutions Group t/a Tsebo Cleaning Solutions </t>
  </si>
  <si>
    <t>Quartriple Business Enterprise</t>
  </si>
  <si>
    <t>Renaissance Cleaning Service cc</t>
  </si>
  <si>
    <t>Ethical Projects Management (Pty) Ltd</t>
  </si>
  <si>
    <t>Mathasani Construction &amp; Cleaning (Pty) Ltd</t>
  </si>
  <si>
    <t>Neledzi Cleaning Services (Pty) Ltd</t>
  </si>
  <si>
    <t>SJR Security Cleaning Service &amp; Transport</t>
  </si>
  <si>
    <t xml:space="preserve">Kameso Total Hygiene Services </t>
  </si>
  <si>
    <t>Duurich Projects (Pty) Ltd</t>
  </si>
  <si>
    <t>Yonwabeli Mzantsi Cleaners &amp; Trolley</t>
  </si>
  <si>
    <t>Simunye Brothers cc</t>
  </si>
  <si>
    <t>TSL and Katemo JV</t>
  </si>
  <si>
    <t>Nopa Cleaning &amp; Projects</t>
  </si>
  <si>
    <t xml:space="preserve">Caps M Trading and Projects </t>
  </si>
  <si>
    <t>Bontle ke Botho</t>
  </si>
  <si>
    <t>Utshalomali Cleaning and Hygiene Services</t>
  </si>
  <si>
    <t>Intecrico (Pty) Ltd</t>
  </si>
  <si>
    <t>Gizara Carwash &amp; Cleaning Services</t>
  </si>
  <si>
    <t>Perla Hygiene Solutions (Pty) Ltd</t>
  </si>
  <si>
    <t>Green Touch Carpet Care (Pty) Ltd</t>
  </si>
  <si>
    <t>Industrial Waste Enviroment Services (Pty) Ltd</t>
  </si>
  <si>
    <t>Khayalami services cc</t>
  </si>
  <si>
    <t>Red Alert TSS (Pty) Ltd</t>
  </si>
  <si>
    <t>Keewave Trading 40 cc</t>
  </si>
  <si>
    <t>Zikode Cleaning Services</t>
  </si>
  <si>
    <t>BT Mashioane Business Enterprise</t>
  </si>
  <si>
    <t xml:space="preserve">Davos Cleaning &amp; Safety t/a Matmani Maintenance </t>
  </si>
  <si>
    <t>Keabetswe Security &amp; Cleaning Services</t>
  </si>
  <si>
    <t>Great Purpose Enterprise (Pty) Ltd</t>
  </si>
  <si>
    <t>Dinny's Business Enterprise</t>
  </si>
  <si>
    <t>Samagaba Cleaning Servies (Pty) Ltd</t>
  </si>
  <si>
    <t>Limpopo Supplements Traders (Pty) Ltd</t>
  </si>
  <si>
    <t>Immisa Projects cc</t>
  </si>
  <si>
    <t>Ikhayelihle Cleaning Recruit Services</t>
  </si>
  <si>
    <t>Monabo Hygiene Services</t>
  </si>
  <si>
    <t>RAMS Garden &amp; Cleaning Services</t>
  </si>
  <si>
    <t>Disabiliyt Pride (Pty) Ltd</t>
  </si>
  <si>
    <t>Tau Li Mesana Consultany</t>
  </si>
  <si>
    <t>Tshipembe Mzansi Projects</t>
  </si>
  <si>
    <t>Ubuthina Trading Enterprise</t>
  </si>
  <si>
    <t>EZ Trade 536 cc</t>
  </si>
  <si>
    <t>Brainwave projects 1196 (Pty) Ltd</t>
  </si>
  <si>
    <t>Maboka Cleaning Services</t>
  </si>
  <si>
    <t>Muehwena Trading Projects</t>
  </si>
  <si>
    <t>Powerfull Cleaning &amp; Projects (Pty) Ltd</t>
  </si>
  <si>
    <t>Pamche Consulting Services t/a Jo's Cleaning Services</t>
  </si>
  <si>
    <t>Risk Release</t>
  </si>
  <si>
    <t>DKZee Cleaning Services</t>
  </si>
  <si>
    <t>Sabuh Trading</t>
  </si>
  <si>
    <t>Mogwape Business Enterprise cc</t>
  </si>
  <si>
    <t>Nozhile Construction &amp; Projects t/a Nozhile</t>
  </si>
  <si>
    <t>Vukma Properties (Pty) Ltd</t>
  </si>
  <si>
    <t>RSM Civil Construction</t>
  </si>
  <si>
    <t xml:space="preserve">Mamulo Trading &amp; Projects </t>
  </si>
  <si>
    <t>Mawilty Trading Enterprise</t>
  </si>
  <si>
    <t>Bakahlabana Consortium (Pty) Ltd</t>
  </si>
  <si>
    <t>Thumncu (Pty) Ltd</t>
  </si>
  <si>
    <t>Re-Mo Cleaning Services (Pty) Ltd</t>
  </si>
  <si>
    <t>SAT Enterprise</t>
  </si>
  <si>
    <t>Horne's Projects &amp; Enterprises (Pty) Ltd</t>
  </si>
  <si>
    <t>Ramokgadi Trading 261 (Pty) Ltd</t>
  </si>
  <si>
    <t>Staza Cleaning Services (Pty) Ltd</t>
  </si>
  <si>
    <t>FP Hygiene JV Laboroka Holdings</t>
  </si>
  <si>
    <t>Lasaka Group</t>
  </si>
  <si>
    <t>MMMB Bokamuso Projects &amp; Consortiums</t>
  </si>
  <si>
    <t>Quatro Cleaning Services PK</t>
  </si>
  <si>
    <t>RFP 24/2019</t>
  </si>
  <si>
    <t>Systemic Business Solutions (PTY)Ltd t/a Qbit</t>
  </si>
  <si>
    <t>IT Aware</t>
  </si>
  <si>
    <t>Signify (Pty) Ltd</t>
  </si>
  <si>
    <t>PWC Research Services (Pty) Ltd</t>
  </si>
  <si>
    <t>RFP 28/2019</t>
  </si>
  <si>
    <t>Storage Technology Services (Pty) Ltd t/a Nexio</t>
  </si>
  <si>
    <t>Tech Mahindra South Africa (Pty) Ltd</t>
  </si>
  <si>
    <t xml:space="preserve">Tendaji Group Enterprises </t>
  </si>
  <si>
    <t>RFP 32/2019</t>
  </si>
  <si>
    <t>Reatha Acquisition and Management</t>
  </si>
  <si>
    <t>Ryncor cc</t>
  </si>
  <si>
    <t>Aucton-All (Pty) Ltd</t>
  </si>
  <si>
    <t>Aucor Bloemfontein</t>
  </si>
  <si>
    <t>Aucor Limpopo</t>
  </si>
  <si>
    <t>Rihlazana Auctions Gauteng cc</t>
  </si>
  <si>
    <t>Cahi Auctioneers (Pty) Ltd</t>
  </si>
  <si>
    <t xml:space="preserve">Riley Auctioneers </t>
  </si>
  <si>
    <t>Ikapa Express Auctioneers</t>
  </si>
  <si>
    <t>Isivuno Auctioneers &amp; Brokers</t>
  </si>
  <si>
    <t>4 Dimension Auctions</t>
  </si>
  <si>
    <t>RFP 34/2019</t>
  </si>
  <si>
    <t>Provision of Media Monitoring and Analysis Services:</t>
  </si>
  <si>
    <t>Appointment of a qualified Auctioneering Service Provider to Auction Goods 
at SARS Warehouse:</t>
  </si>
  <si>
    <t>Provision of Maintenance and Support of BMC Central and Remedy Software:</t>
  </si>
  <si>
    <t>Service Provider for Rental of an Electronic Job Design Tool:</t>
  </si>
  <si>
    <t>Novus Group (Pty) Ltd</t>
  </si>
  <si>
    <t>Professional Evaluation and Research</t>
  </si>
  <si>
    <t>KTM Knowledge Solutions</t>
  </si>
  <si>
    <t>RFP 26/2019</t>
  </si>
  <si>
    <t>Health and Risk Management</t>
  </si>
  <si>
    <t>Metropolitan Health Corporate (Pty) Ltd</t>
  </si>
  <si>
    <t>Soma Initiative (Pty) Ltd</t>
  </si>
  <si>
    <t>Proactive Health Solutions (Pty) Ltd</t>
  </si>
  <si>
    <t xml:space="preserve">Alexander Forbes Health </t>
  </si>
  <si>
    <t>Odire Consulting Services</t>
  </si>
  <si>
    <t>RFP 37/2019</t>
  </si>
  <si>
    <t>Appointment of Group Life Insurer</t>
  </si>
  <si>
    <t>African Rainbow Life Ltd</t>
  </si>
  <si>
    <t>Kunene Makopo Risk Solutions</t>
  </si>
  <si>
    <t>Liberty Group Ltd</t>
  </si>
  <si>
    <t>Bryte Life Company Ltd</t>
  </si>
  <si>
    <t>Momentum Metropolitian Life Ltd</t>
  </si>
  <si>
    <t xml:space="preserve">Alexander Forbes </t>
  </si>
  <si>
    <t>Brifhtro life Ltd</t>
  </si>
  <si>
    <t>Sanlam Ltd</t>
  </si>
  <si>
    <t>RFP 41/2019</t>
  </si>
  <si>
    <t>Provision of Security Services for SARS</t>
  </si>
  <si>
    <t xml:space="preserve">Global Strake Security </t>
  </si>
  <si>
    <t>Tarmix Trading and Projects</t>
  </si>
  <si>
    <t>Henque t/a Red Security</t>
  </si>
  <si>
    <t>Golden Security Services</t>
  </si>
  <si>
    <t>Ligit Security Solutions</t>
  </si>
  <si>
    <t>Procecure (Pty) Ltd</t>
  </si>
  <si>
    <t>Thornburn Security Solutions (Pty) Ltd</t>
  </si>
  <si>
    <t>Mvikeli Protection Services</t>
  </si>
  <si>
    <t>Eastern Guard Security</t>
  </si>
  <si>
    <t>Sidas Security Services</t>
  </si>
  <si>
    <t>Mfanyana Trading Enterprise</t>
  </si>
  <si>
    <t>Fidelity Security Services</t>
  </si>
  <si>
    <t>National Security and Fire (Pty) Ltd</t>
  </si>
  <si>
    <t>Mokondellolo Protection Services</t>
  </si>
  <si>
    <t>Royal Security cc</t>
  </si>
  <si>
    <t>Maxi Phumelela Security</t>
  </si>
  <si>
    <t>Mamkwayi Security &amp; Cleaning Services</t>
  </si>
  <si>
    <t>Unbeatable Trading and Projects</t>
  </si>
  <si>
    <t>Tshedza Protective Services</t>
  </si>
  <si>
    <t>Marebole Security Solutions (Pty) Ltd</t>
  </si>
  <si>
    <t>Nomgwenya Security and Trading cc</t>
  </si>
  <si>
    <t>Pristo Response Trading (Pty) Ltd</t>
  </si>
  <si>
    <t>Bidvest Protea Coin (Pty) Ltd</t>
  </si>
  <si>
    <t>Tyeks Security Services</t>
  </si>
  <si>
    <t>Pholile Business Solutions</t>
  </si>
  <si>
    <t>Maduna Protection Services</t>
  </si>
  <si>
    <t>Makhuva Protection Services</t>
  </si>
  <si>
    <t>Nceda Cleaning and and Security Services</t>
  </si>
  <si>
    <t>JM Kyanya Security Services</t>
  </si>
  <si>
    <t>Vusela Sanva Joint Venture (Pty) Ltd</t>
  </si>
  <si>
    <t>Reliance Corporate Security Services (Pty) Ltd</t>
  </si>
  <si>
    <t>Marshal Nights Security Services</t>
  </si>
  <si>
    <t>SSG Security Solutions (Pty) Ltd</t>
  </si>
  <si>
    <t xml:space="preserve">Fullserve Services (Pty)Ltd </t>
  </si>
  <si>
    <t>Wenzile Phaphama Security Services</t>
  </si>
  <si>
    <t>Sinqobile Equestrian Security Services</t>
  </si>
  <si>
    <t>Smada Security Services (Pty) Ltd</t>
  </si>
  <si>
    <t>RFP 39/2019</t>
  </si>
  <si>
    <t>S &amp; K Diesels</t>
  </si>
  <si>
    <t>XON Systems</t>
  </si>
  <si>
    <t>Tantus Trading 273</t>
  </si>
  <si>
    <t>Lambos Engineering services</t>
  </si>
  <si>
    <t>Buwesi Generators</t>
  </si>
  <si>
    <t>Fullserve Services (Pty) Ltd</t>
  </si>
  <si>
    <t>Isiziba Projects</t>
  </si>
  <si>
    <t>Striving Mind Engineers and Contractors</t>
  </si>
  <si>
    <t>Reakgona Petroleum</t>
  </si>
  <si>
    <t>Master Power Technologies (Pty) Ltd</t>
  </si>
  <si>
    <t>Globalspek Group</t>
  </si>
  <si>
    <t>Maintain and Support for Diesel and Monitoring of back-up
 Generators Nationwide.</t>
  </si>
  <si>
    <t>RFP 42/2019</t>
  </si>
  <si>
    <t>Appointment of Service Provider for State Warehouse at ORTIA</t>
  </si>
  <si>
    <t>Khudumile Trading cc</t>
  </si>
  <si>
    <t>PPO Contracts (Pty) Ltd</t>
  </si>
  <si>
    <t>Moduwatsekla Trading &amp; Projects (Pty) Ltd</t>
  </si>
  <si>
    <t>Taylor Works Investments cc</t>
  </si>
  <si>
    <t>Leano Construction Solutions</t>
  </si>
  <si>
    <t>Shoba Projects</t>
  </si>
  <si>
    <t>Big 5 Newlife Building Consdtruction</t>
  </si>
  <si>
    <t>Vumile Consulting &amp; Projects</t>
  </si>
  <si>
    <t>Urizima 145cc</t>
  </si>
  <si>
    <t>Shumani Development</t>
  </si>
  <si>
    <t>Moriba Wa Africa Trading Enterprise</t>
  </si>
  <si>
    <t>Siyaghopa Projects (Pty) Ltd</t>
  </si>
  <si>
    <t>Reabetswe Group (Pty) Ltd</t>
  </si>
  <si>
    <t>FGZ Consulting (Pty) Ltd</t>
  </si>
  <si>
    <t>Sekhwela Construction</t>
  </si>
  <si>
    <t>Maanda-Fhadza Construction &amp; Projects</t>
  </si>
  <si>
    <t>Black Ambition Business Enterprise cc</t>
  </si>
  <si>
    <t>Nkawyezi Civil Enterprise cc</t>
  </si>
  <si>
    <t>Piet Jombere Construction</t>
  </si>
  <si>
    <t>Khauki Transport and Construction cc</t>
  </si>
  <si>
    <t>KGBW</t>
  </si>
  <si>
    <t>CV Projects SA (Pty) Ltd</t>
  </si>
  <si>
    <t>TM Dynamic Projects</t>
  </si>
  <si>
    <t>RFP 44/2019</t>
  </si>
  <si>
    <t>Offsite Storage</t>
  </si>
  <si>
    <t>Mmela Investment Holdings (Pty) Ltd</t>
  </si>
  <si>
    <t>SNGCA South Africa t/a AGS Record Management</t>
  </si>
  <si>
    <t>Infofile (Pty) Ltd</t>
  </si>
  <si>
    <t>The Document Warehouse</t>
  </si>
  <si>
    <t>Metrofile (Pty) Ltd</t>
  </si>
  <si>
    <t>RFP 05/2020</t>
  </si>
  <si>
    <t>Small Medium Enterprises Support Services (Pty) Ltd</t>
  </si>
  <si>
    <t>Nzwalo Investments (Pty) Ltd T/A Lumacon Air Conditioning</t>
  </si>
  <si>
    <t>Boron Facilities Management cc</t>
  </si>
  <si>
    <t>Bobcon Builders and Renovations</t>
  </si>
  <si>
    <t>Tsebo Solutions Group (Pty) Ltd</t>
  </si>
  <si>
    <t>Datacentrix (Pty) Ltd</t>
  </si>
  <si>
    <t>Appointment of Service Providers to Provide ICT</t>
  </si>
  <si>
    <t>Bridging Technologies South Africa (Pty) Ltd</t>
  </si>
  <si>
    <t>Dimension Data (Pty) Ltd</t>
  </si>
  <si>
    <t>Johnbak Solutions cc / AFMS Group (Pty) Ltd (JV)</t>
  </si>
  <si>
    <t xml:space="preserve">Khoram Consulting </t>
  </si>
  <si>
    <t>Ubuntu Technology (Pty) Ltd / Protronics Infrastructure 
Solutions (Pty) Ltd (JV)</t>
  </si>
  <si>
    <t>RFP 10/2020</t>
  </si>
  <si>
    <t>RFP 11/2020</t>
  </si>
  <si>
    <t>Appointment of a Service Provider for one-on-one executive coaching services</t>
  </si>
  <si>
    <t xml:space="preserve">THE ONTOLOGICAL COACHING COMPANY T/A ONTCO  </t>
  </si>
  <si>
    <t>JOINT PROSPERITY (PTY) LTD</t>
  </si>
  <si>
    <t>ICAS EMPLOYEE AND ORGANISATION ENHANCEHMENT SERVICES SOUTHERN AFRICA (PTY) LTD</t>
  </si>
  <si>
    <t>TONEX MANAGEMENT SOLUTIONS</t>
  </si>
  <si>
    <t>ZENANDE LEADERSHIP CONSULTING</t>
  </si>
  <si>
    <t>KERRAZ SERVICES (PTY) LTD T/A GLOBAL FUTURE</t>
  </si>
  <si>
    <t>MZANTSI LEADERSHIP DEVELOPMENT</t>
  </si>
  <si>
    <t xml:space="preserve">NABANTU PARTNERS </t>
  </si>
  <si>
    <t>PRICEWATERHOUSECOOPERS INC</t>
  </si>
  <si>
    <t xml:space="preserve">SIMONE LE HANE ON BEHALF OF CHANGE PARTNERS COACHING (PTY) LTD </t>
  </si>
  <si>
    <t>CONNECT US GROUP T/A TALENT INTEL</t>
  </si>
  <si>
    <t>THE INTEGRAL COACHING CENTRE (PTY) LTD</t>
  </si>
  <si>
    <t>INAVIT IQ LEARNING (PTY) LTD</t>
  </si>
  <si>
    <t xml:space="preserve">THE TALENT HUB INTERNATIONAL (PTY) LTD </t>
  </si>
  <si>
    <t>THE MUFASA MENTORING AND BUSINESS COACHING PRACTILE</t>
  </si>
  <si>
    <t>TALENTLINE CONSULTING (PTY) LTD</t>
  </si>
  <si>
    <t>Appointment of a service provider for the provision of pre-employment screening and related services</t>
  </si>
  <si>
    <t>ABACUS FLA (PTY) LTD</t>
  </si>
  <si>
    <t xml:space="preserve">MANPOWERGROUP SA PTY LTD </t>
  </si>
  <si>
    <t xml:space="preserve">ZOIA CONSULTING (PTY) LTD T.A DOTS AFRICA </t>
  </si>
  <si>
    <t>MOGALE SOLUTION PROVIDERS</t>
  </si>
  <si>
    <t>DIPHETOGO CONSULTING (PTY) LTD</t>
  </si>
  <si>
    <t>UNICUS SOLUTIONS GROUP (PTY) LTD</t>
  </si>
  <si>
    <t>PHAKISA HOLDING (PTY) LTD</t>
  </si>
  <si>
    <t>RFP 06/2020</t>
  </si>
  <si>
    <t>Renewal of Current VMWARE License Maintenance, Support &amp; Procurement of 
Addisional VMSoftware</t>
  </si>
  <si>
    <t xml:space="preserve">Ekwantu Consulting </t>
  </si>
  <si>
    <t>Bytes Systems Integration - Division of TMT (Pty) Ltd</t>
  </si>
  <si>
    <t>Datacentrix</t>
  </si>
  <si>
    <t>Ubunthu Technology (Pty) Ltd</t>
  </si>
  <si>
    <t>Business Connexion (Proprietary) Limited</t>
  </si>
  <si>
    <t>IT Gility (Pty) Ltd</t>
  </si>
  <si>
    <t>Aptronics (Pty) Ltd</t>
  </si>
  <si>
    <t>RFP 08/2020</t>
  </si>
  <si>
    <t>Finacial Assistance Benchmarking Tool For Transfer Pricing</t>
  </si>
  <si>
    <t>SPGI UK (Incorporated in Engeland) External Profit Company</t>
  </si>
  <si>
    <t>SARS TENDER BIDS RECEIVED FOR 2020/2021</t>
  </si>
  <si>
    <t>RFP 18/2020</t>
  </si>
  <si>
    <t>Provision of BCM Remedy Software Licences, Maintenance and Support for 60 Months</t>
  </si>
  <si>
    <t>Blue Turtle Technology (Pty) Ltd</t>
  </si>
  <si>
    <t>RT 03/2020</t>
  </si>
  <si>
    <t>Supply and Delivery of Dell EML Servers</t>
  </si>
  <si>
    <t>ITGility (Pty) Ltd</t>
  </si>
  <si>
    <t>Nambiti Technologies</t>
  </si>
  <si>
    <t>AE Soft (Pty) Ltd</t>
  </si>
  <si>
    <t>Ubuntu Technologies</t>
  </si>
  <si>
    <t>NEC XON</t>
  </si>
  <si>
    <t>Enabling Solutions</t>
  </si>
  <si>
    <t>RFP 12/2020</t>
  </si>
  <si>
    <t>Appointment of a Service Provider for the Provision of Medical Aid Brokerage Services to SARS</t>
  </si>
  <si>
    <t>MOSO CONSULTING SERVICES</t>
  </si>
  <si>
    <t xml:space="preserve">KUNENE MAKOPO RISK SOLUTION </t>
  </si>
  <si>
    <t xml:space="preserve">ASSEGAI STRATEGIC INVESTMENTS T/A ASI FINANCIAL SERVICES </t>
  </si>
  <si>
    <t>LATERAL UNISON INSURANCE BROKERS</t>
  </si>
  <si>
    <t xml:space="preserve">PSG EMPLOYEE BENEFITS LTD - NERINE LETITIA BRINK </t>
  </si>
  <si>
    <t>MARSH (PTY) LTD</t>
  </si>
  <si>
    <t>AON SOUTH AFRICA (PTY) LTD</t>
  </si>
  <si>
    <t xml:space="preserve">IMBEWU FINANCIAL SERVICES </t>
  </si>
  <si>
    <t xml:space="preserve">SEKARANTI HEALTH SOLUTIONS </t>
  </si>
  <si>
    <t>RFP 22/2020</t>
  </si>
  <si>
    <t>Appointment of contractor for the supply and installation of light fixtures at Pretoria SARS</t>
  </si>
  <si>
    <t>TGP PROJECTS</t>
  </si>
  <si>
    <t>LIGHTING AND ALLIED MNF (PTY) LTD</t>
  </si>
  <si>
    <t>BOITUMELO BATHHO ANO KAVAR JV</t>
  </si>
  <si>
    <t>ELROI TRADINGENTERPRISE CC</t>
  </si>
  <si>
    <t>MARUNGANE PROJECTS (PTY) LTD</t>
  </si>
  <si>
    <t>BURLINGTON ELECTRICAL (PTY) LTD T/A MG ELECTRICAL</t>
  </si>
  <si>
    <t>MASEDI ELECTRIC-SERVICE CC</t>
  </si>
  <si>
    <t>MULTI-NET SYSTEMS (PTY) LTD, SIYAKHULA SONKE EMPOWERMENT CORPORATION (PTY) LTD</t>
  </si>
  <si>
    <t>COOL BREEZE AIRCONDITIONING AND REFRIDGERATION</t>
  </si>
  <si>
    <t>KINGI ELECTRICAL CONTRACTORS</t>
  </si>
  <si>
    <t>RAFUNI JV</t>
  </si>
  <si>
    <t>MPOFU ELECTRICAL SERVICES</t>
  </si>
  <si>
    <t>SIVTECH ENGINEERING CC</t>
  </si>
  <si>
    <t>MOKCO TRADING (PTY) LTD</t>
  </si>
  <si>
    <t>LEANO CONSTRUCTION</t>
  </si>
  <si>
    <t>TSHABALALA MULTI-SERVE WORKSHOP</t>
  </si>
  <si>
    <t>Appointment of a Panel of Attorneys</t>
  </si>
  <si>
    <t>Mmakola Matsimela Inc</t>
  </si>
  <si>
    <t>MF Jassat Dhlamini Incorporated</t>
  </si>
  <si>
    <t>Hughes-Madondo Incorporated</t>
  </si>
  <si>
    <t>Maponya (Johannesburg) Incorporated</t>
  </si>
  <si>
    <t>Ledwaba Mazwai</t>
  </si>
  <si>
    <t>Lebea Incorporated Attorneys</t>
  </si>
  <si>
    <t>Tshaya Mashabela Attorneys</t>
  </si>
  <si>
    <t>Ammm Incorporated Attorneys</t>
  </si>
  <si>
    <t>Bafana Ncube Incorporated</t>
  </si>
  <si>
    <t>Thokan Attorneys</t>
  </si>
  <si>
    <t>Noko Maimela Inc</t>
  </si>
  <si>
    <t>FourieFismer Incorporated</t>
  </si>
  <si>
    <t>CMS RM Partners Inc</t>
  </si>
  <si>
    <t>Molefe Dlepu Incorported</t>
  </si>
  <si>
    <t>Mahodi Attorneys</t>
  </si>
  <si>
    <t>Matabane Incorporated</t>
  </si>
  <si>
    <t>Joubert Galpin &amp; Searle Inc. t/a Joubert Galpin Searie</t>
  </si>
  <si>
    <t>Edward Nathan Sonnebergs Incorporated (EnsAfrica)</t>
  </si>
  <si>
    <t>Mkhabela Huntley Attorneys Inc</t>
  </si>
  <si>
    <t>Vhonani Nemakanga Incorporated</t>
  </si>
  <si>
    <t>SM Vakalisa Incorporated</t>
  </si>
  <si>
    <t>Majang and Associates Inc</t>
  </si>
  <si>
    <t>Nyapatse Incorporated</t>
  </si>
  <si>
    <t>Lawtons Africa</t>
  </si>
  <si>
    <t>Stegmanns Incorporated</t>
  </si>
  <si>
    <t>MB Tshabangu Inc</t>
  </si>
  <si>
    <t>TP Khoza Attorneys Inc</t>
  </si>
  <si>
    <t>Klagsbrun Edelstein Bosman du Plessis Inc</t>
  </si>
  <si>
    <t>Mbokota Attorneys Inc</t>
  </si>
  <si>
    <t>Steven Maluleke Attorneys</t>
  </si>
  <si>
    <t>Nompumelelo Hadebe Inc</t>
  </si>
  <si>
    <t>Memela Jones Incorporated</t>
  </si>
  <si>
    <t>Nchupetsang Inc. Attorneys</t>
  </si>
  <si>
    <t>Bonoko &amp; Maphokga Attorneys</t>
  </si>
  <si>
    <t>Chesley Mnisi Inc</t>
  </si>
  <si>
    <t>Macrobert Incorporated Attorneys</t>
  </si>
  <si>
    <t>Salijee Govender Van der Merwe Inc</t>
  </si>
  <si>
    <t>HM Choane Attorneys</t>
  </si>
  <si>
    <t>KNT Attorneys</t>
  </si>
  <si>
    <t>Ngoato Attorneys</t>
  </si>
  <si>
    <t>Lusenga Attorneys Inc + BM Kousi Inc JV</t>
  </si>
  <si>
    <t>Matwa Nongogo Attorneys</t>
  </si>
  <si>
    <t>VDT Attorneys Inc</t>
  </si>
  <si>
    <t>Phukubje Pierce Masithela Attorneys</t>
  </si>
  <si>
    <t>AT Mpungose and Dlamini Inc</t>
  </si>
  <si>
    <t>Leepile Attorneys Incorporated</t>
  </si>
  <si>
    <t>Clyde and Co Inc</t>
  </si>
  <si>
    <t>Puke Maserumule Attorneys Incorporated</t>
  </si>
  <si>
    <t>Rooth and Wessels Inc t/a RW Attorneys</t>
  </si>
  <si>
    <t>Malatji &amp; Co Incorporated</t>
  </si>
  <si>
    <t>Phungula Attorneys Inc</t>
  </si>
  <si>
    <t>Lowndes Dlamini</t>
  </si>
  <si>
    <t>Buba Attorneys Incorporated</t>
  </si>
  <si>
    <t>Motsoeneng Bill Attorneys Inc</t>
  </si>
  <si>
    <t>Cliffe Dekker Hofmeyr Incorporated</t>
  </si>
  <si>
    <t>Gildenhuys Malatji Inc</t>
  </si>
  <si>
    <t>Raborifi Raditlhalo Legal Services</t>
  </si>
  <si>
    <t>SE Dube Attorneys Incorporated</t>
  </si>
  <si>
    <t>Madima Attorneys Inc</t>
  </si>
  <si>
    <t>Duduzile Hlebela Inc</t>
  </si>
  <si>
    <t>Edwin S Nkwana Inc</t>
  </si>
  <si>
    <t>VZLR Inc</t>
  </si>
  <si>
    <t>Linda Mazibuko + Associates</t>
  </si>
  <si>
    <t>Khumalo Masondo Attorneys Inc</t>
  </si>
  <si>
    <t>Mncedisi Ndlovu &amp; Sedumedi Inc</t>
  </si>
  <si>
    <t>Double M Medprac. Solumons (Pty) Ltd JV</t>
  </si>
  <si>
    <t>Taleni Godi Kupiso Inc</t>
  </si>
  <si>
    <t>Nkgapele and Nkgapele Attorneys</t>
  </si>
  <si>
    <t>MMMG Attorneys</t>
  </si>
  <si>
    <t>Seanego Attorneys Incorporated</t>
  </si>
  <si>
    <t>Mphokane Attorneys Inc</t>
  </si>
  <si>
    <t>AA Solwandle Attorneys Inc</t>
  </si>
  <si>
    <t>Milton Makola Inc</t>
  </si>
  <si>
    <t>Mathebula Nkozi Attorneys South Africa</t>
  </si>
  <si>
    <t>Ramalekana Incorporated</t>
  </si>
  <si>
    <t>L Guzana Inc. Attorneys</t>
  </si>
  <si>
    <t>Bhayat Attorneys Inc</t>
  </si>
  <si>
    <t>Cheadle Thompson &amp; Haysom Inc</t>
  </si>
  <si>
    <t>Padi Incorporated Attorneys</t>
  </si>
  <si>
    <t>Phatshoane Henney Attorneys</t>
  </si>
  <si>
    <t>Mohala Moifo Attorneys Incorporated</t>
  </si>
  <si>
    <t>Mamatela Attorneys Incorporated</t>
  </si>
  <si>
    <t>Lucky Thekisho Inc Attorneys</t>
  </si>
  <si>
    <t>Majavu Inc</t>
  </si>
  <si>
    <t>Diale Mogashoa Inc</t>
  </si>
  <si>
    <t>Adams and Adams</t>
  </si>
  <si>
    <t>Menezes and Mokobane Inc</t>
  </si>
  <si>
    <t>M.S. Shaik Attorneys</t>
  </si>
  <si>
    <t>Lekhu Pilson Attorneys Inc</t>
  </si>
  <si>
    <t>Savage Jooste &amp; Adams Incorporated</t>
  </si>
  <si>
    <t>Nelson Borman of Partners Inc Attorneys</t>
  </si>
  <si>
    <t>Nkosi Sabelo Incorporated</t>
  </si>
  <si>
    <t>Bate Chubb and Dickson Inc</t>
  </si>
  <si>
    <t>Blignaut Neerahoo Incorporated Attorneys</t>
  </si>
  <si>
    <t>Maduba Attorneys Incorporated</t>
  </si>
  <si>
    <t>Ntanga Nkuhlu Incorporated</t>
  </si>
  <si>
    <t>Ramushu Mashile Tswala Inc</t>
  </si>
  <si>
    <t>Mothle Jooma Sabdia Inc</t>
  </si>
  <si>
    <t>Sikunyana Inc. Attorneys</t>
  </si>
  <si>
    <t>Mashiane Moodley &amp; Monama Incorporated</t>
  </si>
  <si>
    <t>Katake Attorneys Inc</t>
  </si>
  <si>
    <t>Werksmans Incorporated</t>
  </si>
  <si>
    <t>Maluleke Inc. t/a Maluks Attorneys</t>
  </si>
  <si>
    <t>Makgamatha Mnisi Attorneys</t>
  </si>
  <si>
    <t>RFP 13/2020</t>
  </si>
  <si>
    <t>Mathopo Moshimane Mulangaphuma Inc practising as DM5 Incorporated</t>
  </si>
  <si>
    <t>RFP 20/2020</t>
  </si>
  <si>
    <t>Procurement of a Third Party Data &amp; Related Service from a Credit Bureau or a Similar Provider</t>
  </si>
  <si>
    <t>Consumer Profile Bureau (Pty) Ltd</t>
  </si>
  <si>
    <t>Experian South Africa (Pty) Ltd</t>
  </si>
  <si>
    <t>Xpert Decision Systems (Pty) Ltd</t>
  </si>
  <si>
    <t>Trans Union Credit Bureau (Pty) Ltd</t>
  </si>
  <si>
    <t>Reid Motalane Clay  Joint Venture</t>
  </si>
  <si>
    <t>RFP 16/2020</t>
  </si>
  <si>
    <t>Procurement of an Application Performance Monitoring solution including maintenance and support services</t>
  </si>
  <si>
    <t>RFP 23/2020</t>
  </si>
  <si>
    <t>The appointment of a service provider, per region, for the procurement, maintenance and support of Technical Security Equipment and Technical Security Services</t>
  </si>
  <si>
    <t xml:space="preserve">V AND NQ SYSTEMS (PTY) LTD </t>
  </si>
  <si>
    <t xml:space="preserve">DIMENSION DATA (PTY) LTD </t>
  </si>
  <si>
    <t>DIDELTA (PTY) LTD</t>
  </si>
  <si>
    <t>BUSINESS CONEXION (PTY) LTD</t>
  </si>
  <si>
    <t xml:space="preserve">TEE QUE TRADING SERVICES T/A TIME QUANTUM </t>
  </si>
  <si>
    <t xml:space="preserve">GLOBAL STRAKE SECURITY (PTY) LTD </t>
  </si>
  <si>
    <t>GLOBAL TECH INNOVATIONS (PTY) LTD</t>
  </si>
  <si>
    <t>AST AFRICA TRADING 317 PTY LTD</t>
  </si>
  <si>
    <t>SHIELD PLATINUM HOLDINGS (PTY) LTD</t>
  </si>
  <si>
    <t>DIOPOINT (PTY) LTD</t>
  </si>
  <si>
    <t>EOS - EMPIRE OF ALL SYSTEMS</t>
  </si>
  <si>
    <t>RFP 25/2020</t>
  </si>
  <si>
    <t>Johannes Makgoba</t>
  </si>
  <si>
    <t>Vagwena Holdings</t>
  </si>
  <si>
    <t>Iceburg Trading 634 cc</t>
  </si>
  <si>
    <t>Davo's Cleaning and Safety t/a Mathabi Maintenance</t>
  </si>
  <si>
    <t>Turnkey Interiors (Pty) Ltd</t>
  </si>
  <si>
    <t>Mbhonya Trading and Projects</t>
  </si>
  <si>
    <t>Thahameso Civil and Project Management</t>
  </si>
  <si>
    <t>Phehla Umsebenzi Trading 123</t>
  </si>
  <si>
    <t>Nobuduphi Engineering</t>
  </si>
  <si>
    <t>Liphake Projects cc</t>
  </si>
  <si>
    <t>Nzwalo Investments (Pty) Ltd t/a Lumacon Aircoditioning</t>
  </si>
  <si>
    <t>Moreje Construction cc</t>
  </si>
  <si>
    <t>NLG Group CC</t>
  </si>
  <si>
    <t>Khopelas General Trading</t>
  </si>
  <si>
    <t>Tilbit Construction (Pty) Ltd</t>
  </si>
  <si>
    <t>Lehomo Trading Pty Ltd</t>
  </si>
  <si>
    <t>Nolwandle Projects (Pty) Ltd</t>
  </si>
  <si>
    <t>YRK Civil Projects</t>
  </si>
  <si>
    <t>Bidwin CC</t>
  </si>
  <si>
    <t>GVK Siya Zama Builing Contractors (Gauteng) (Pty) Ltd</t>
  </si>
  <si>
    <t>Viwo Projects Pty Ltd</t>
  </si>
  <si>
    <t>Digkati (Pty) Ltd</t>
  </si>
  <si>
    <t>Kwen n Tee</t>
  </si>
  <si>
    <t>TTR080914 Pty Ltd</t>
  </si>
  <si>
    <t>Mathota Trading Enterprises</t>
  </si>
  <si>
    <t>GAO Business Project cc</t>
  </si>
  <si>
    <t>Jonginkosi Trading and Projects</t>
  </si>
  <si>
    <t>Piet Jombere Construction (Pty) Ltd</t>
  </si>
  <si>
    <t>Ntsubalala (Pty) Ltd</t>
  </si>
  <si>
    <t>SCM Facilities Services</t>
  </si>
  <si>
    <t>Dudu, SGO Group JV</t>
  </si>
  <si>
    <t>Jelwane Consulting and Projects</t>
  </si>
  <si>
    <t>TG Precise Engineering</t>
  </si>
  <si>
    <t>GST Office Refurb (Pty) Ltd</t>
  </si>
  <si>
    <t>Molelo Construction CC</t>
  </si>
  <si>
    <t>Marole Group (Pty) Ltd</t>
  </si>
  <si>
    <t>Merey-Kgaugelo Trading Enterprises cc</t>
  </si>
  <si>
    <t>Lenati Properties Pty Ltd</t>
  </si>
  <si>
    <t>Masnet Projects Pty Ltd</t>
  </si>
  <si>
    <t>DCM Project Professionals</t>
  </si>
  <si>
    <t>Pro-Serve Construction Solutions (Pty) Ltd</t>
  </si>
  <si>
    <t>Enza  Construction (Pty) Ltd</t>
  </si>
  <si>
    <t>Targeter Trading &amp; Projects (Pty) Ltd</t>
  </si>
  <si>
    <t>Othaniel Consulting &amp; Projects</t>
  </si>
  <si>
    <t>Tinongo Trading Enterprise</t>
  </si>
  <si>
    <t>Mokgatle Holdings</t>
  </si>
  <si>
    <t>Blue Dot Properties 1938 t/a Blue Dot Projects</t>
  </si>
  <si>
    <t>Tokitong Pty Ltd</t>
  </si>
  <si>
    <t xml:space="preserve">Bayetha (Pty) Ltd </t>
  </si>
  <si>
    <t>Yona Yethu Consulting and Project Management</t>
  </si>
  <si>
    <t>ABE Contracting Services (Pty) Ltd</t>
  </si>
  <si>
    <t>CR Max Projects cc</t>
  </si>
  <si>
    <t>KBMO (Pty) Ltd</t>
  </si>
  <si>
    <t>Khundumile Trading</t>
  </si>
  <si>
    <t>Oritonda Projects</t>
  </si>
  <si>
    <t>Vhukudo Construction</t>
  </si>
  <si>
    <t>Rafuni (Pty) Ltd</t>
  </si>
  <si>
    <t>Disalamapa TM Consulting JV t/a Akani Properties</t>
  </si>
  <si>
    <t>Shula Developers (Pty) Ltd</t>
  </si>
  <si>
    <t xml:space="preserve">Amile Projects (Pty) Ltd </t>
  </si>
  <si>
    <t>Litshe Projects</t>
  </si>
  <si>
    <t>Urizima 145 cc</t>
  </si>
  <si>
    <t xml:space="preserve">Smzee Property Development Close Corporation </t>
  </si>
  <si>
    <t>Precise Projects</t>
  </si>
  <si>
    <t>Mpfumelelo Business Enterprise (Pty) Ltd</t>
  </si>
  <si>
    <t>Leshaka Construction (Pty) Ltd</t>
  </si>
  <si>
    <t>GVK-Siya Zama Construction</t>
  </si>
  <si>
    <t>Sijaga Trading Enterprises</t>
  </si>
  <si>
    <t xml:space="preserve">Metsi Pele Projects (Pty) Ltd </t>
  </si>
  <si>
    <t xml:space="preserve">Lerandzu Trading </t>
  </si>
  <si>
    <t>NAP Designs (Pty) Ltd</t>
  </si>
  <si>
    <t>Xikhovotani Trading &amp; Projects (Pty) Ltd</t>
  </si>
  <si>
    <t>Setia Engineering &amp; Projects (Pty) Ltd</t>
  </si>
  <si>
    <t xml:space="preserve">Concor Construction (Pty) Ltd </t>
  </si>
  <si>
    <t xml:space="preserve">Mzanzi Group (Pty) Ltd </t>
  </si>
  <si>
    <t>Kolbern-Difanya JV</t>
  </si>
  <si>
    <t>Noks Place Trading &amp; Shisanyama</t>
  </si>
  <si>
    <t>Kamoso Projects cc</t>
  </si>
  <si>
    <t>Quadrant Holdings cc</t>
  </si>
  <si>
    <t>Reatha Acquisition and Manangement</t>
  </si>
  <si>
    <t>Great White Panda (Pty) Ltd</t>
  </si>
  <si>
    <t>Kgakwana Construction and Enterprise</t>
  </si>
  <si>
    <t>Motheo Construction Group (Pty) Ltd</t>
  </si>
  <si>
    <t>Hometown Glory Trading (Pty) Ltd</t>
  </si>
  <si>
    <t>Clear Construction and Projects (Pty) Ltd</t>
  </si>
  <si>
    <t>Superose (Pty) Ltd</t>
  </si>
  <si>
    <t>Black Ambition Business Enterprise</t>
  </si>
  <si>
    <t>Tamawa (Pty) Ltd</t>
  </si>
  <si>
    <t>Dzivha Group (Pty) Ltd</t>
  </si>
  <si>
    <t>Leruwaruwa Group Consortium</t>
  </si>
  <si>
    <t>Uphill Construction</t>
  </si>
  <si>
    <t xml:space="preserve">Cuberoot Consulting (Pty) Ltd </t>
  </si>
  <si>
    <t>Ledos Investments (Pty) Ltd</t>
  </si>
  <si>
    <t>Nkuriso Development Projects</t>
  </si>
  <si>
    <t xml:space="preserve">Chiefton Facilities Management (Pty) Ltd </t>
  </si>
  <si>
    <t>Ibizo Trading (Pty) Ltd</t>
  </si>
  <si>
    <t>Muponi Prtoperty Management</t>
  </si>
  <si>
    <t xml:space="preserve">MIH Projects </t>
  </si>
  <si>
    <t>Chezter Trading</t>
  </si>
  <si>
    <t>T3 / Exxeding Grace JV</t>
  </si>
  <si>
    <t>Black Top Civils</t>
  </si>
  <si>
    <t>Kenny Ronny Consulting t/a Kenny Ronny Projects</t>
  </si>
  <si>
    <t>Pabla 23 Projects</t>
  </si>
  <si>
    <t>Universal Ras House (Pty) Ltd</t>
  </si>
  <si>
    <t xml:space="preserve">Magaleni Building Projects </t>
  </si>
  <si>
    <t>Lekopa Le Bakgalaka Son (Pty) Ltd</t>
  </si>
  <si>
    <t>Dzivha Civils (Pty) Ltd</t>
  </si>
  <si>
    <t>Tsoga O Bune Building Enterprise</t>
  </si>
  <si>
    <t>Motla Projects cc</t>
  </si>
  <si>
    <t xml:space="preserve">Mvelo Sane Consulting </t>
  </si>
  <si>
    <t>Fishof 1331 cc</t>
  </si>
  <si>
    <t xml:space="preserve">Kaemara Creations </t>
  </si>
  <si>
    <t xml:space="preserve">GC-MZ Trading &amp; Projects </t>
  </si>
  <si>
    <t>Bitophuti Projects (Pty) Ltd</t>
  </si>
  <si>
    <t xml:space="preserve">Manthabo 2 Airconditioning, Electrical and General Construction </t>
  </si>
  <si>
    <t xml:space="preserve">Mbhatsana Trading </t>
  </si>
  <si>
    <t xml:space="preserve">Shalati Construction </t>
  </si>
  <si>
    <t>Soaring Summits Group (Pty) Ltd</t>
  </si>
  <si>
    <t>Bervely Hills Construction and Projects</t>
  </si>
  <si>
    <t>Rabbo Multi Solutions</t>
  </si>
  <si>
    <t xml:space="preserve">Zookie Construction and Projects </t>
  </si>
  <si>
    <t>Trencon Construction (Pty) Ltd</t>
  </si>
  <si>
    <t>Teekay Holdings (Pty) Ltd</t>
  </si>
  <si>
    <t>Gabsane Holdings</t>
  </si>
  <si>
    <t>RTZ Construction and Projects</t>
  </si>
  <si>
    <t>Mmapadi Group (Pty) Ltd</t>
  </si>
  <si>
    <t>Ntitja General Trade</t>
  </si>
  <si>
    <t>Lewatle Construction Services (Pty) Ltd</t>
  </si>
  <si>
    <t xml:space="preserve">Amasiko Trading Enterprise </t>
  </si>
  <si>
    <t>Badiri Construction (Pty) Ltd</t>
  </si>
  <si>
    <t xml:space="preserve">Tavita Mahleko Projects </t>
  </si>
  <si>
    <t xml:space="preserve">Anytime we come Trading and Projects </t>
  </si>
  <si>
    <t>Sydoril Civil Group (Pty) Ltd</t>
  </si>
  <si>
    <t xml:space="preserve">Roll Investments Pty Ltd </t>
  </si>
  <si>
    <t xml:space="preserve">Carabex (Pty) Ltd </t>
  </si>
  <si>
    <t>Uvuko Civil Maintenance &amp; Construction (Pty) Ltd</t>
  </si>
  <si>
    <t xml:space="preserve">Cities Landscaping and Projects </t>
  </si>
  <si>
    <t>Washirika 3 Oaks (Pty) Ltd</t>
  </si>
  <si>
    <t xml:space="preserve">Biotumelo Batho (Pty) Ltd </t>
  </si>
  <si>
    <t>Solomon and Smith Property Developers and Builders</t>
  </si>
  <si>
    <t xml:space="preserve">Truhop (Pty) Ltd </t>
  </si>
  <si>
    <t xml:space="preserve">MGS Civils and Supply (Pty) Ltd </t>
  </si>
  <si>
    <t>Dbrandon Suppliers</t>
  </si>
  <si>
    <t xml:space="preserve">SKS Business Solutions CC </t>
  </si>
  <si>
    <t>Novare Facilities (Pty) Ltd</t>
  </si>
  <si>
    <t>Masana-Mashold Projects</t>
  </si>
  <si>
    <t xml:space="preserve">Lilithalethu Trading 41 </t>
  </si>
  <si>
    <t>SJ Global Construction</t>
  </si>
  <si>
    <t xml:space="preserve">Project Express Pro </t>
  </si>
  <si>
    <t>Phunya Consulting CC</t>
  </si>
  <si>
    <t xml:space="preserve">Pmash Projects Management </t>
  </si>
  <si>
    <t>Siviwe Jayiya Construction (Pty) Ltd</t>
  </si>
  <si>
    <t>Neovest</t>
  </si>
  <si>
    <t xml:space="preserve">Temi Construction (Pty) Ltd </t>
  </si>
  <si>
    <t xml:space="preserve">Nomcebas Developers </t>
  </si>
  <si>
    <t xml:space="preserve">Maloma Holdings Pty Ltd </t>
  </si>
  <si>
    <t xml:space="preserve">Mokoni Projects </t>
  </si>
  <si>
    <t xml:space="preserve">Masiqhame Trading 651 CC </t>
  </si>
  <si>
    <t xml:space="preserve">Xihlala Trading Solution </t>
  </si>
  <si>
    <t>Ukuza Consulting</t>
  </si>
  <si>
    <t>MBDZY Trading and General Supply</t>
  </si>
  <si>
    <t xml:space="preserve">Zembeleni Transport &amp; Projects cc </t>
  </si>
  <si>
    <t xml:space="preserve">Evanto Group (Pty) Ltd </t>
  </si>
  <si>
    <t xml:space="preserve">Masheleni Trading and Projects </t>
  </si>
  <si>
    <t>Sekhwela Construction CC</t>
  </si>
  <si>
    <t xml:space="preserve">Basarwa Construction (Pty) Ltd </t>
  </si>
  <si>
    <t xml:space="preserve">The Efficiency People (Pty) Ltd </t>
  </si>
  <si>
    <t xml:space="preserve">Wonza Success Services </t>
  </si>
  <si>
    <t xml:space="preserve">Sanders Letsoalo Building Contractor </t>
  </si>
  <si>
    <t>SB Delivery Services cc</t>
  </si>
  <si>
    <t xml:space="preserve">Proclivity Trading Enterprise </t>
  </si>
  <si>
    <t>Levy Building Construction and Projects cc</t>
  </si>
  <si>
    <t>Zimbi 76 Projects</t>
  </si>
  <si>
    <t>SSM Clinical Solutions (Pty) Ltd</t>
  </si>
  <si>
    <t>RFP 26/2020</t>
  </si>
  <si>
    <t>Appointment of a Qualified Service Provider for the Provision of Auctioneer Services for SARS Nationally</t>
  </si>
  <si>
    <t>ISIVUNO AUCTIONEERS PTY LTD</t>
  </si>
  <si>
    <t xml:space="preserve">RIHLAZANA AUCTIONS GAUTENG CC </t>
  </si>
  <si>
    <t>RILEY AUCTIONEERS</t>
  </si>
  <si>
    <t>AUCOR BLOEMFONTEIN (PTY) LTD</t>
  </si>
  <si>
    <t>REATHA ACQUISITION AND MANAGEMENT (PTY) LTD</t>
  </si>
  <si>
    <t>4 DIMENSION AUCTIONS (PTY) LTD</t>
  </si>
  <si>
    <t>IKAPA EXPRESS AUCTIONEERS</t>
  </si>
  <si>
    <t xml:space="preserve">LIQUIDITY SERVICES SA (PTY) LTD </t>
  </si>
  <si>
    <t>SPOKES AUCTIONEERS</t>
  </si>
  <si>
    <t xml:space="preserve">BIDDER CHOICE / NDILA AUCTIONEERS JV </t>
  </si>
  <si>
    <t>RFP 21/2020</t>
  </si>
  <si>
    <t>Appointment of a Qualified Service Provider for the Provision of Canteen and Catering Services at SARS Alberton Campus</t>
  </si>
  <si>
    <t>TSARIKA CATERING SOLUTIONS, A CORPORATE CATERING DIVISION OF TSEBO SOLUTIONS GROUP (PTY) LTD</t>
  </si>
  <si>
    <t xml:space="preserve">L3 MAPHELO THE MEDIA HUB </t>
  </si>
  <si>
    <t>DIPONTSHO PRIMARY CO-OPERATE LIMITED</t>
  </si>
  <si>
    <t>INSIGNE PRODUCTIONS (PTY) LTD</t>
  </si>
  <si>
    <t xml:space="preserve">NPN HOLDINGS PTY LTD </t>
  </si>
  <si>
    <t>HOUSE OF SHUNEM (PTY) LTD</t>
  </si>
  <si>
    <t>CCL BUSINESS SOLUTIONS (PTY) LTD</t>
  </si>
  <si>
    <t>MNDHAVAZI TRADING ENTERPRISE (PTY) LTD</t>
  </si>
  <si>
    <t>THANDANI FOOD SERVICES</t>
  </si>
  <si>
    <t>RFP 19/2020</t>
  </si>
  <si>
    <t>Provision of Media Bulk Buying, Media Planning and related Services.</t>
  </si>
  <si>
    <t>EBONY AND IVORY ADVERTISING MARKETING PROMOTIONS (PTY) LTD</t>
  </si>
  <si>
    <t xml:space="preserve">SPACEGROW MEDIA (PTY) LTD </t>
  </si>
  <si>
    <t>INTERACTIVE BRAND SOLUTIONS</t>
  </si>
  <si>
    <t>UM DIVISION OF IPG MEDIABRANDS (PTY) LTD</t>
  </si>
  <si>
    <t>META MEDIA (PTY) LTD</t>
  </si>
  <si>
    <t>THE MEDIASHOP (PTY) LTD</t>
  </si>
  <si>
    <t xml:space="preserve">RED CHERRY MEDIA HOLDINGS (PTY) LTD </t>
  </si>
  <si>
    <t>RFP 14/2020</t>
  </si>
  <si>
    <t>Appointment of a Service Provider for Provision of Employee Health and Wellness Related Services.</t>
  </si>
  <si>
    <t>ASSEGAI STRATEGIC INVESTMENTS (PTY) LTD</t>
  </si>
  <si>
    <t>DISCOVERY HEALTH (PTY) LTD</t>
  </si>
  <si>
    <t>ICAS EMPLOYEE AND ORGANISATION ENCHANCEMENT SERVICES SOUTHERN AFRICA (PTY) LTD</t>
  </si>
  <si>
    <t>PROACTIVE HEALTH SOLUTIONS (PTY) LTD</t>
  </si>
  <si>
    <t>WORKFORCE HEALTHCARE (PTY) LTD</t>
  </si>
  <si>
    <t>RFP 32/2020</t>
  </si>
  <si>
    <t>Appointment of a Qualified Service Provider (Grade 7GB or Higher) for Turnkey Solution for SARS Durban Pier State Warehouse Refurbishment, Durban Harbour, KwaZulu-Natal.</t>
  </si>
  <si>
    <t>MOTHEO CONSTRUCTION GROUP (PTY) LTD</t>
  </si>
  <si>
    <t>ENZA CONSTRUCTION (PTY) LTD</t>
  </si>
  <si>
    <t>MSK CONSTRUCTION PTY LTD</t>
  </si>
  <si>
    <t>TRENCON CONSTRUCTION (PTY) LTD</t>
  </si>
  <si>
    <t>MAKOLE PROPERTY DEVELOPMENTS</t>
  </si>
  <si>
    <t>CV PROJECTS SA (PTY) LTD</t>
  </si>
  <si>
    <t>THAHAMESO CIVIL AND PROJECT MANAGEMENT</t>
  </si>
  <si>
    <t>HIGHPANA PROJECTS</t>
  </si>
  <si>
    <t xml:space="preserve">RAPID BUILDERS AND CONTRACTORS CC </t>
  </si>
  <si>
    <t xml:space="preserve">P WISE PROJECTS CC </t>
  </si>
  <si>
    <t>LDM MAKHATHINI CONSORTIUM</t>
  </si>
  <si>
    <t>RFP 31/2020</t>
  </si>
  <si>
    <t>The upgrade of the SSA-Name3 matching tool used in the SARS integrated business register (IBR) and The procurement of maintenance and support for the SSA-Name3 matching tool used in the SARS integrated business register (IBR)</t>
  </si>
  <si>
    <t>INFLOW PTY LTD</t>
  </si>
  <si>
    <t>MHE SOLUTIONS 4U (PTY) LTD</t>
  </si>
  <si>
    <t>RHINO AFRICA TOOLS AND EQUIPMENT CC (PTY) LTD</t>
  </si>
  <si>
    <t>RFP 34/2020</t>
  </si>
  <si>
    <t>Provision of two (2) forklifts for the Durban customs warehouse.</t>
  </si>
  <si>
    <t>RFP 01/2021</t>
  </si>
  <si>
    <t>Appointment of Service Provider(s) for the Provision of Cleaning Consumables, Chemicals and Industrial Equipment to SARS Offices Nationwide</t>
  </si>
  <si>
    <t>XTF LOGISTICS</t>
  </si>
  <si>
    <t>INDUSTRO CLEAN KZN (PTY) LTD</t>
  </si>
  <si>
    <t>ERC SUPPLY ENTERPRISE TA RISIMATI GROUP</t>
  </si>
  <si>
    <t xml:space="preserve">UTSHALOMALI CLEANING AND HYGIENE SOLUTIONS (PTY) LTD </t>
  </si>
  <si>
    <t>IKHAYELIHLE CLEANING RECRUITMENT SERVICES (PTY) LTD</t>
  </si>
  <si>
    <t>MEDILAC GROUP (PTY) LTD</t>
  </si>
  <si>
    <t xml:space="preserve">ORIZOE SERVICES CC </t>
  </si>
  <si>
    <t>KUSILE FACILITIES MANAGEMENT</t>
  </si>
  <si>
    <t>RAMOKGADI TRADING 261 (PTY) LTD</t>
  </si>
  <si>
    <t xml:space="preserve">STAZA CLEANING SERVICES (PTY) LTD </t>
  </si>
  <si>
    <t xml:space="preserve">MENZITHA MANAGEMENT CONSULTANTS (PTY) LTD </t>
  </si>
  <si>
    <t>RFP 05/2021</t>
  </si>
  <si>
    <t>Provision of Armed Guarding, Close Protection and Tactical Response Security Services</t>
  </si>
  <si>
    <t>PCP PETHA GROUP SA (PTY) LTD</t>
  </si>
  <si>
    <t>JODIGYN (PTY) LTD</t>
  </si>
  <si>
    <t>MJAYELI SECURITY SERVICES (PTY) LTD</t>
  </si>
  <si>
    <t>WENZILE PHAPHAMA SECUIRTY SERVICES</t>
  </si>
  <si>
    <t>SMADA SECURITY SERVICES</t>
  </si>
  <si>
    <t>TSHEDZA PROTECTIVE SERVICES</t>
  </si>
  <si>
    <t>SIZOWAKHA SECURITY &amp; CLEANING SERVICES</t>
  </si>
  <si>
    <t>FULLSERVE SERVICES (PTY) LTD</t>
  </si>
  <si>
    <t>NTSIBISHENG SECUIRTY SERVICES</t>
  </si>
  <si>
    <t>QUATRO SECURITY SERVICES (PTY) LTD</t>
  </si>
  <si>
    <t>UNCOMMON FAVOUR CONSULTING AND TRADING</t>
  </si>
  <si>
    <t>ZELPY 2550 (PTY) LTD (SA TIGER SECURITY)</t>
  </si>
  <si>
    <t>STALLION SECURITY (PTY) LTD</t>
  </si>
  <si>
    <t>LIGIT SECURITY SOLUTIONS</t>
  </si>
  <si>
    <t>BOTH BEST TRADING AND PROJECTS CO</t>
  </si>
  <si>
    <t>ITHUBA UMSUNDU SECURITY (PTY) LTD</t>
  </si>
  <si>
    <t>HLOSI SECUIRTY SOLUTIONS</t>
  </si>
  <si>
    <t>MAREBOLE SECURITY SOLUTIONS (PTY) LTD</t>
  </si>
  <si>
    <t>RFP15/2021</t>
  </si>
  <si>
    <t>Procurement and Suppoort of the PADS4 Video and Digital Signage Solution (Smart Displays) for 34 SARS Branches</t>
  </si>
  <si>
    <t>GX CONNECT (PTY) LTD</t>
  </si>
  <si>
    <t>MUDAU PICTURE FRAMERS JV AUDIO VISUAL CENTRE (PTY) LTD</t>
  </si>
  <si>
    <t>SAGE WISE 1159 CC</t>
  </si>
  <si>
    <t>APEX BUSINESS SYSTEMS</t>
  </si>
  <si>
    <t>RFP14/2021</t>
  </si>
  <si>
    <t>The Procurement of Third Party Data and Related Services from a Credit Bureau or a Similar Service Provider</t>
  </si>
  <si>
    <t>EXPERIAN SOUTH AFRICA (PTY) LTD</t>
  </si>
  <si>
    <t>CONSUMER PROFILE BUREAU (PTY) LTD</t>
  </si>
  <si>
    <t>RFP03/2021</t>
  </si>
  <si>
    <t>Provision of Proffesional Services Related to the Protection of Personal Information Services.</t>
  </si>
  <si>
    <t>ERNEST &amp; YOUNG ADVISORY SERVICES (Pty) Ltd</t>
  </si>
  <si>
    <t>RAMUSHU MASHILE TWALA INC.</t>
  </si>
  <si>
    <t>DELLOITE &amp; TOUCHE</t>
  </si>
  <si>
    <t>FULLSTREAM BUSINESS SERVICES</t>
  </si>
  <si>
    <t>KPMG SERVICES PORPRIETY  LIMITED</t>
  </si>
  <si>
    <t>PRICEWATERHOUSECOOPER INC</t>
  </si>
  <si>
    <t>RFP 29/2021</t>
  </si>
  <si>
    <t xml:space="preserve">Appointment of an Electrical Contractor for the Installation of Power Redundancy at SARS </t>
  </si>
  <si>
    <t>PREGGIE ELECTRICAL</t>
  </si>
  <si>
    <t>ENVIROMONGA</t>
  </si>
  <si>
    <t>LEETECH-DAKALO LANGA</t>
  </si>
  <si>
    <t>ELROY TRADING ENTERPRISE</t>
  </si>
  <si>
    <t>ROCAFUSION</t>
  </si>
  <si>
    <t>ZINEBIZ CC t/a MED TECH ENGINEERS</t>
  </si>
  <si>
    <t xml:space="preserve">BT PROJECTS </t>
  </si>
  <si>
    <t>ML SAKHILE MACHANICAL &amp; CIVIL WORKS CC</t>
  </si>
  <si>
    <t>MRT GLOBAL</t>
  </si>
  <si>
    <t>BREVIMODE/WANGA POWER PROJECTS JV</t>
  </si>
  <si>
    <t>LERMAT CONSTRUCTION &amp; PROJECTS</t>
  </si>
  <si>
    <t>NGHILAZI GROUP (PTY) LTD</t>
  </si>
  <si>
    <t>RFP 28/2021</t>
  </si>
  <si>
    <t>Appointment of Service Provider for Printing, Labeling and Packaging of Communication Material</t>
  </si>
  <si>
    <t>NDABASE PRINTING SOLUTIONS</t>
  </si>
  <si>
    <t>SHERENO PRINTERS</t>
  </si>
  <si>
    <t>FRAMEFUN</t>
  </si>
  <si>
    <t>JOSEY TRADING ENTERPRISE</t>
  </si>
  <si>
    <t>JM ECO TRADING</t>
  </si>
  <si>
    <t>ICONIC ASSET HOLDING t/a INPRINT</t>
  </si>
  <si>
    <t>RFP 11/2021</t>
  </si>
  <si>
    <t>DELTA FACILITIES MANAGEMENT</t>
  </si>
  <si>
    <t>MAGWA PROJECTS AND LOGISTICS</t>
  </si>
  <si>
    <t>ISIPHETHO CLEANING SERVICES</t>
  </si>
  <si>
    <t>NESOSCOPE HOLDINGS</t>
  </si>
  <si>
    <t>UTSHALOMALI CLEANING AND HYGIENE SOLUTIONS</t>
  </si>
  <si>
    <t>PRIMECARE FACILITIES MANAGEMENT</t>
  </si>
  <si>
    <t>ANDREW SWAARTBOOI</t>
  </si>
  <si>
    <t>TOTALSERVE FACILITIES MANAGEMENT (PTY) LTD</t>
  </si>
  <si>
    <t>WOMAN IN PEACE CLEANING SERVICES</t>
  </si>
  <si>
    <t>KHERA CLEANING AND SERVICES (PTY) LTD</t>
  </si>
  <si>
    <t>ZAMMANE BUSINESS ENTERPRISES</t>
  </si>
  <si>
    <t>AB CARPET CLEANING PEST CONTROL GROUP</t>
  </si>
  <si>
    <t>TUR-CLEA</t>
  </si>
  <si>
    <t>SIDZE PEST MANAGEMENT AND PROJECTS</t>
  </si>
  <si>
    <t>RFP 27/2021</t>
  </si>
  <si>
    <t>Appointment of a Qualified Service Provider, Grade 3 EP or higher for the supply and installation of mini sub-stations at LeHae la SARS, Brooklyn</t>
  </si>
  <si>
    <t>TM CONSORTIUM (PTY) LTD</t>
  </si>
  <si>
    <t>E-MULTI CONSTRUCTION AND ELECTRICITY CC</t>
  </si>
  <si>
    <t>JUST DUDU JV</t>
  </si>
  <si>
    <t>LEFATSHE ENGINEERING</t>
  </si>
  <si>
    <t>NEWTHINGS INVESTMENT</t>
  </si>
  <si>
    <t>DAKALO LANGA ELECTRICAL (PTY) LTD</t>
  </si>
  <si>
    <t>KHANGWE INTELLIGENT TECHNOLOGY SOLUTIONS</t>
  </si>
  <si>
    <t>VULUMBONO CREATIONS</t>
  </si>
  <si>
    <t>RFP31/2021</t>
  </si>
  <si>
    <t>APPOINTMENT OF A GENERAL BUILDING CONTRACTOR FOR THE PROVISION OF OFFIE SPACE AND TURNKEY FIT-OUT FOR THE SARS KOSIBAY OFFICE, LOCATED AT THE KZN/MOZ BORDER</t>
  </si>
  <si>
    <t>SOUTHY HOLDINGS T/A PARKHOM MODULAR</t>
  </si>
  <si>
    <t>MOON AND EARTH TRADING AND PROJECTS 187</t>
  </si>
  <si>
    <t>NENGWEKHULU HOLDINGS</t>
  </si>
  <si>
    <t>PRONELLA TRADING (PTY) LTD</t>
  </si>
  <si>
    <t>INDUMENI TRADING CC</t>
  </si>
  <si>
    <t>RFP 26/2021</t>
  </si>
  <si>
    <t>Provision of Employee Health and Wellness Services</t>
  </si>
  <si>
    <t>ICAS EMPLOYEE AND ORGANISATION ENHANCEMENT SERVICES</t>
  </si>
  <si>
    <t>PROACTIVE HEALTH SOLUTIONS</t>
  </si>
  <si>
    <t>RFP 12/2021</t>
  </si>
  <si>
    <t>Provision of Employee Engagement Survey for SARS</t>
  </si>
  <si>
    <t>GENEX INSIGHTS (PTY) LTD</t>
  </si>
  <si>
    <t>MSM ACCOUNTING AND BOOKKEEPERS</t>
  </si>
  <si>
    <t>INSURVEY</t>
  </si>
  <si>
    <t>KORN FERRY (PTY) LTD</t>
  </si>
  <si>
    <t>SPT CONSULTING CC</t>
  </si>
  <si>
    <t>21ST CENTURY PAY SOLUTIONS COMPANY (PTY) LTD</t>
  </si>
  <si>
    <t>AIH HUMAN CAPITAL (GROWTH THROUGH PEOPLE)</t>
  </si>
  <si>
    <t>CALORB CONSULTANCY (PTY) LTD</t>
  </si>
  <si>
    <t>OMNICOR (PTY) LTD</t>
  </si>
  <si>
    <t>XPERT DECISION SYSTEMS (PTY) LTD</t>
  </si>
  <si>
    <t>RFP 48/2021</t>
  </si>
  <si>
    <t>The Supply and Maintenance of Document Authenticaion X-Ray Machine</t>
  </si>
  <si>
    <t>MUSTEC LIMITED</t>
  </si>
  <si>
    <t>RFP 34/2021</t>
  </si>
  <si>
    <t>Provision of Two (2) Forklifts for the Durban Customs Warehouse</t>
  </si>
  <si>
    <t>BOITUMELO BATHO (PTY) LTD</t>
  </si>
  <si>
    <t>MKHATHINI CREATIVES</t>
  </si>
  <si>
    <t>NEWRON GROUP</t>
  </si>
  <si>
    <t>LADY KATISI SUPPLY AND CONSTRUCTIONS</t>
  </si>
  <si>
    <t>LUDI MINING SERVICES</t>
  </si>
  <si>
    <t>RHINO AFRICA TOOLS &amp; EQUIPMENT CO PTY LTD</t>
  </si>
  <si>
    <t>VINCEMUS INVESTMENTS (PTY) LTD TA KEMPSTON MATERIAL HANDLING</t>
  </si>
  <si>
    <t>RFP 46/2021</t>
  </si>
  <si>
    <t>Appointment of a Qualified Service Provider, Grade 3 EP (or Higher) for the supply and installation of mini sub-stations at Le Hae la SARS, Brooklyn</t>
  </si>
  <si>
    <t>MAFUNZWANI CONSTURCTION AND GENERAL SUPPLY</t>
  </si>
  <si>
    <t>NATHI AND ELOHIM (PTY) LTD</t>
  </si>
  <si>
    <t>IMBAWULA TECHNICAL SERVICES (PTY) LTD</t>
  </si>
  <si>
    <t>DMR BELSSED INVESTMENTS</t>
  </si>
  <si>
    <t>EASTERN LIONS (PTY) LTD</t>
  </si>
  <si>
    <t>UHANDISI SOLUTIONS</t>
  </si>
  <si>
    <t>ELROI TRADING ENTERPRISE</t>
  </si>
  <si>
    <t>DAKALO LANGA ELECTRICAL</t>
  </si>
  <si>
    <t>BVELELA ENGINEERING</t>
  </si>
  <si>
    <t>YANDE ENGINEERING AND PROJECTS</t>
  </si>
  <si>
    <t>REALTIME TRADING AND PROJECTS (PTY) LTD</t>
  </si>
  <si>
    <t>MASSTON CONSTRUCTION PROJECTS (PTY) LTD</t>
  </si>
  <si>
    <t>VULUMBONO CREATIONS (PTY) LTD</t>
  </si>
  <si>
    <t>AVAX SA 222 CC</t>
  </si>
  <si>
    <t>MTC MASTERS (PTY) LTD</t>
  </si>
  <si>
    <t>AFRICA RELATED</t>
  </si>
  <si>
    <t>LKKB ENGINEERING</t>
  </si>
  <si>
    <t>BURLINGTON ELECTRICAL (PTY) LTD T/A M.G ELECTRICAL</t>
  </si>
  <si>
    <t>TISOL ENGINEERING (PTY) LTD</t>
  </si>
  <si>
    <t>RFP47/2021</t>
  </si>
  <si>
    <t>APPOINTMENT OF AN ELECTRICAL CONTRACTOR (GRADE 5EB OR HIGHER) FOR THE INSTALLATION OF POWER REDUNDANCY AT SARS, BROOKLYN MAIN DATACENTRE</t>
  </si>
  <si>
    <t>REIGN TECHNOLOGY</t>
  </si>
  <si>
    <t>MRT GLOBAL (PTY) LTD</t>
  </si>
  <si>
    <t>XAHUMBA ENGINEERING CONSULTING</t>
  </si>
  <si>
    <t>ZINEBIZ CC T/A MED-TEC ENGINEERS</t>
  </si>
  <si>
    <t>MAVUTHA CONTRACTORS ENTERPRISE (PTY) LTD</t>
  </si>
  <si>
    <t>MAPHEPHETHE ELECTRICAL CC</t>
  </si>
  <si>
    <t>MAFUNZWANI CONSTRUCTION AND GENERAL SUPPLY</t>
  </si>
  <si>
    <t>JUSBEN ENGINEERING SERVICES</t>
  </si>
  <si>
    <t>REALTIME TRADING AND PROJECTS PTY LTD</t>
  </si>
  <si>
    <t>SHUMANI DEVELOPMENT CC</t>
  </si>
  <si>
    <t>NZWALO INVESTMENTS (PTY) LTD T/A LUMACON AIRCONDITIONING</t>
  </si>
  <si>
    <t>SJ GLOBAL CONSTRUCTION</t>
  </si>
  <si>
    <t xml:space="preserve">BURLINGTON ELECTRICAL (PTY) LTD T/A MG ELECTRICAL </t>
  </si>
  <si>
    <t>LN FORCE (PTY) LTD</t>
  </si>
  <si>
    <t>UPHILO TRADING T/A EEMMIRATES</t>
  </si>
  <si>
    <t>RFP44/2021</t>
  </si>
  <si>
    <t>Appointment of the qualified service provider (s) for the provision of destruction and disposal of Customs goods for SARS nationally for the period of five (5) years.</t>
  </si>
  <si>
    <t>IFE ELEVATORS SOUTH AFRICA (PTY) LTD</t>
  </si>
  <si>
    <t>MOVA ELEVATORS</t>
  </si>
  <si>
    <t>SKYE ELEVATORS (PTY) LTD</t>
  </si>
  <si>
    <t>EAGLE ELEVATORS (PTY) LTD</t>
  </si>
  <si>
    <t>RNDE GROUP (PTY) LTD</t>
  </si>
  <si>
    <t>NU-LINE ELEVATOR MAINTENANCE</t>
  </si>
  <si>
    <t>SCHINDLER</t>
  </si>
  <si>
    <t>RFP38/2021</t>
  </si>
  <si>
    <t>APPOINTMENT OF A CONTRACTOR (CIDB GRADE 2SI OR HIGHER) FOR THE REPLACEMENT OF AN EXISTING LIFT AT SARS, POLOKWANE OFFICE</t>
  </si>
  <si>
    <t>LAMOLA'S CIVIL CONSTRUCTION</t>
  </si>
  <si>
    <t>ROHILE TRADING ENTERPRISE</t>
  </si>
  <si>
    <t>PHAMBILI SERVICES</t>
  </si>
  <si>
    <t>RFP02/2021</t>
  </si>
  <si>
    <t>Appointment of a Chairperson for the SARS National Bargaining Forum.</t>
  </si>
  <si>
    <t>LEBEA INCORPORATED ATTORNEYS</t>
  </si>
  <si>
    <t>RANTHO &amp; ASSOCIATES INC. ATTORNEYS</t>
  </si>
  <si>
    <t>TOKISO DISPUTE SETTLEMENT</t>
  </si>
  <si>
    <t>RFP39/2021</t>
  </si>
  <si>
    <t>APPOINTMENT OF A PANEL FOR DESIGN AND ENGINEERING CONSULTANTS FOR THE BUILDING ENVIRONMENT</t>
  </si>
  <si>
    <t>MIH PROJECTS CONSORTIUM</t>
  </si>
  <si>
    <t>SIVEST SA (PTY) LTD</t>
  </si>
  <si>
    <t>IX ENGINEERS (PTY) LTD</t>
  </si>
  <si>
    <t>GT CHAANE QUANTITY SURVEYORS &amp; PROJECT MANAGERS</t>
  </si>
  <si>
    <t>AOS CONSULTING ENGINEERS (PTY) LTD</t>
  </si>
  <si>
    <t>VIRTUAL CONSULTING ENGINEERS VCE (PTY) LTD</t>
  </si>
  <si>
    <t>MMT CONSULTING ENGINEERS (PTY) LTD</t>
  </si>
  <si>
    <t>MTEMA MASHAO CONSULTING ENGINEERS (PTY) LTD</t>
  </si>
  <si>
    <t>DPV CONSULTING (PTY) LTD</t>
  </si>
  <si>
    <t>UNDASA PROJECT PARTNERS (PTY) LTD</t>
  </si>
  <si>
    <t>PEO YA AFRICA CONSULTING ENGINEERING (PTY) LTD</t>
  </si>
  <si>
    <t>DITLOU CONSORTIUM (PTY) LTD</t>
  </si>
  <si>
    <t>ISENZEKO ENGINEERING</t>
  </si>
  <si>
    <t>TECHVOLUTION CONSULTING ENGINEERING PROJECT MANAGERS (PTY) LTD</t>
  </si>
  <si>
    <t>RAFUNI (PTY) LTD</t>
  </si>
  <si>
    <t>TRIOCON CONSULTING ENGINEERS (PTY) LTD</t>
  </si>
  <si>
    <t>OSMOND LANGE ARCHITECTS &amp; PLANNERS (PTY) LTD</t>
  </si>
  <si>
    <t>ENUMERATE CONSULTING CC</t>
  </si>
  <si>
    <t>POTENT ENGINEERING PROJECTS</t>
  </si>
  <si>
    <t>MEKAN ENGINEERING SERVICES (PTY) LTD</t>
  </si>
  <si>
    <t>LUKHOZI CONSULTING ENGINEERS (PTY) LTD</t>
  </si>
  <si>
    <t>PIETER STROBOS BK CC T/A PSBK CONSULTING ENGINEERS</t>
  </si>
  <si>
    <t>UMNINI QUANTITY SURVEYORS (PTY) LTD</t>
  </si>
  <si>
    <t>LDM QUANTITY SURVEYORS DBN (PTY) LTD</t>
  </si>
  <si>
    <t>KITSO BOTLHALE CONSULTING ENGINEERS</t>
  </si>
  <si>
    <t>CSM CONSULTING SERVICES (PTY) LTD</t>
  </si>
  <si>
    <t>AM CONSULTING ENGINEERS (PTY) LTD</t>
  </si>
  <si>
    <t>BOITSEANAPE QUANTITY SURVEYORS (PTY) LTD</t>
  </si>
  <si>
    <t>BAKONE CONSULTING ENGINEERS</t>
  </si>
  <si>
    <t>VULOMBE CONSULTING ENGINEERS</t>
  </si>
  <si>
    <t>MPAMOT AFRICA (PTY) LTD</t>
  </si>
  <si>
    <t>MDCC (PTY) LTD</t>
  </si>
  <si>
    <t>SIMOLOLA ENGINEERING SERVICES</t>
  </si>
  <si>
    <t>PLP CONSULTING ENGINEERS</t>
  </si>
  <si>
    <t>BOSCH PROJECTS (PTY) LTD</t>
  </si>
  <si>
    <t>SEKHUKHUNE AND ASSOCIATES</t>
  </si>
  <si>
    <t>LYON AND PARTNERS</t>
  </si>
  <si>
    <t>TECTURA PROJECTS</t>
  </si>
  <si>
    <t>SNAP ARCHITECHTS (PTY) LTD</t>
  </si>
  <si>
    <t>GIBB (PTY) LTD</t>
  </si>
  <si>
    <t>PRO-SERVE CONSULTING (PTY) LTD</t>
  </si>
  <si>
    <t>ZUTARI (PTY) LTD</t>
  </si>
  <si>
    <t>OWETHU OWABO CONSULTING (PTY) LTD</t>
  </si>
  <si>
    <t>LEMON PEBBLE DESIGN (PTY) LTD</t>
  </si>
  <si>
    <t>ARENGO 6 (PTY) LTD</t>
  </si>
  <si>
    <t>QUANTO 2000 QUANTITY SURVEYORS AND PROJECT MANAGEMENT</t>
  </si>
  <si>
    <t>MMPA QUANTITY SURVEYORS &amp; PROJECT MANAGERS</t>
  </si>
  <si>
    <t>CLASS A TRADING 253 T/A FOCUS PROJECT MANAGEMENT</t>
  </si>
  <si>
    <t>AFRICA FUTUREL WELLS TRADING AND PROJECTS</t>
  </si>
  <si>
    <t>IDC ARCHITECTS</t>
  </si>
  <si>
    <t>CIVEC CIVIL ENGINEERING CONSULTANTS PTY LTD</t>
  </si>
  <si>
    <t>MERCHELLES COLLECTIVE (PTY) LTD</t>
  </si>
  <si>
    <t>MAJOR QUALITY INVESTMENTS (PTY) LTD</t>
  </si>
  <si>
    <t>MAKONE CONSULTING ENGINEERS (PTY) LTD</t>
  </si>
  <si>
    <t>CITIES STUDIO AFRICA</t>
  </si>
  <si>
    <t>RNA CONSULTING ENGINEERS EFMG ENGINEERING &amp; FACILITIES MANAGEMENT GROUP CONSORTIUM</t>
  </si>
  <si>
    <t>SNETHEMBA CONSULTANTS (PTY) LTD</t>
  </si>
  <si>
    <t>ADQ ENGINEERING PROJECTS</t>
  </si>
  <si>
    <t>EQUATE CONSULTING (PTY) LTD</t>
  </si>
  <si>
    <t>TALANI QUANTITY SURVEYORS (PTY) LTD</t>
  </si>
  <si>
    <t>EXCEL QUANTITY SURVEYORS (PTY) LTD</t>
  </si>
  <si>
    <t>THEMBAKELE CONSULTING ENGINEERS (PTY) LTD</t>
  </si>
  <si>
    <t xml:space="preserve">LUPHITHO CONSULTING </t>
  </si>
  <si>
    <t>VIP CONSULTING ENGINEERS</t>
  </si>
  <si>
    <t>AFROTEAM CONSULTANTS</t>
  </si>
  <si>
    <t>ABDULLAH ABASS ARCHITECTS CC</t>
  </si>
  <si>
    <t>TLOWANA CONSULTING AND ENGINEERING</t>
  </si>
  <si>
    <t>DBI CONSULTING ENGINEERS</t>
  </si>
  <si>
    <t>SKY HIGH CONSULTING ENGINEERS (PTY) LTD</t>
  </si>
  <si>
    <t>MZANSI AFRICA CIVILS CC</t>
  </si>
  <si>
    <t>TKDS</t>
  </si>
  <si>
    <t>F AND A CONSULTING</t>
  </si>
  <si>
    <t>VECTO TRADE 181 (PTY) LTD T/A BVS</t>
  </si>
  <si>
    <t>ROBUST CONSULTING ENGINEERS</t>
  </si>
  <si>
    <t>BISMILLA &amp; ASSOCIATES</t>
  </si>
  <si>
    <t>JVNC CAPITAL (PTY) LTD</t>
  </si>
  <si>
    <t>AYOB ISMAIL &amp; MAHOMEDY CC T/A AIMQS</t>
  </si>
  <si>
    <t>BMK GROUP CC</t>
  </si>
  <si>
    <t>CELANKOBE ENGINEERING &amp; ARCHITECHTURAL CONSULTANTS</t>
  </si>
  <si>
    <t>ABAKALI GROUP (PTY) LTD</t>
  </si>
  <si>
    <t>SAKHISIZWE ARCHITECHTS CC</t>
  </si>
  <si>
    <t>THATO NTESEKHE AND ASSOCIATES</t>
  </si>
  <si>
    <t>EMPOWERVEST PROJECT MANAGEMENT OFFICE (EPMO)</t>
  </si>
  <si>
    <t>KINI CONSULTING CC</t>
  </si>
  <si>
    <t>NONKU NTSHONA &amp; ASSOCIATES QUANTITY SURVEYORS (PTY) LTD</t>
  </si>
  <si>
    <t>LEEANKA COST AND CONSTRUCTION CONSULTANTS (PTY) LTD</t>
  </si>
  <si>
    <t>LIYASA ENGINEERING</t>
  </si>
  <si>
    <t>SERITHI CONSULTING (PTY) LTD</t>
  </si>
  <si>
    <t>MMA ARCHITECHTS (PTY) LTD T/A MMA DESIGN STUDIO</t>
  </si>
  <si>
    <t>QUANTITY SURVEYOR 2000 PLUS (PTY) LTD T/A QS2000 PLUS</t>
  </si>
  <si>
    <t>SESIRO DESIGN GROUP</t>
  </si>
  <si>
    <t>LEANO BK CONSULTING</t>
  </si>
  <si>
    <t>ZEAL ENGINEERING CONSULTANTS PTY LTD</t>
  </si>
  <si>
    <t>STUDIO E-DESIGN</t>
  </si>
  <si>
    <t>TAKUSA CONSULTING AND SERVICES</t>
  </si>
  <si>
    <t>DFR KWAKUDI (PTY) LTD</t>
  </si>
  <si>
    <t>MUMA INVESTMENTS (PTY) LTD</t>
  </si>
  <si>
    <t>LENAKAMO PROJECTS (PTY) LTD</t>
  </si>
  <si>
    <t xml:space="preserve">PFUKANI - KUSILE CONSULTING </t>
  </si>
  <si>
    <t>CIVIL CONCEPTS (PTY) LTD</t>
  </si>
  <si>
    <t>AXOLILE SOLUTIONS</t>
  </si>
  <si>
    <t>POINT PIVOT PROJECTS</t>
  </si>
  <si>
    <t>HDM ENGINEERING (PTY) LTD</t>
  </si>
  <si>
    <t>2 BLN (PTY) LTD</t>
  </si>
  <si>
    <t>ARCHCOR ARCHITECTS (PTY) LTD</t>
  </si>
  <si>
    <t>SKOTANE DEVELOPMENT CONSULTANTS</t>
  </si>
  <si>
    <t>GREENFIELD RESOURCES (PTY) LTD</t>
  </si>
  <si>
    <t>ZONK ENGINEERING CONSULTANT</t>
  </si>
  <si>
    <t>MOLEMO CONSULTING ENGINEERS</t>
  </si>
  <si>
    <t>MZAMASI SOLUTIONS PTY LTD</t>
  </si>
  <si>
    <t>PRANA CONSULTING</t>
  </si>
  <si>
    <t>EBESA ARCHITECTS (PTY) LTD</t>
  </si>
  <si>
    <t>EARTHWORLD HOLDINGS CC</t>
  </si>
  <si>
    <t>VMR ARCHITECTS CC</t>
  </si>
  <si>
    <t>IZAZI CONSULTING ENGINEERS</t>
  </si>
  <si>
    <t>DEEDSCON CONSULT (PTY) LTD</t>
  </si>
  <si>
    <t>MILLER'S ARCHITECTURAL DESIGNS</t>
  </si>
  <si>
    <t>BOHLOKOA PROJECT MANAGEMENT SERVICES</t>
  </si>
  <si>
    <t>INGCALZ CONSULTING ENGINEERS (PTY) LTD</t>
  </si>
  <si>
    <t>690 SIGNATURE GROUP</t>
  </si>
  <si>
    <t>VUXAKA CONSULTING ENGINEERS</t>
  </si>
  <si>
    <t>UKUZA CONSULTING (PTY) LTD</t>
  </si>
  <si>
    <t>MUTEO CONSULTING</t>
  </si>
  <si>
    <t>MAANDA DIMENSION CONSULTING</t>
  </si>
  <si>
    <t>NKOPHELE HOLDINGS (PTY) LTD</t>
  </si>
  <si>
    <t>GPS ARCHITECTS CC</t>
  </si>
  <si>
    <t xml:space="preserve">ILISO CONSULTING (PTY) LTD T/A NAKO ILISO </t>
  </si>
  <si>
    <t>UMBIMBI QS (PTY) LTD</t>
  </si>
  <si>
    <t>SMEC SOUTH AFRICA</t>
  </si>
  <si>
    <t>REMJOE (PTY) LTD</t>
  </si>
  <si>
    <t>ISAO CONSULTING (PTY) LTD</t>
  </si>
  <si>
    <t xml:space="preserve">NZUZA ARCHITECTS CO-OPERATIVE </t>
  </si>
  <si>
    <t>MJT CONSULTING ENGINEERS (PTY) LTD</t>
  </si>
  <si>
    <t>PLANTECH (PTY) LTD</t>
  </si>
  <si>
    <t>REA AGI CONSULTING ENGINEERS</t>
  </si>
  <si>
    <t>RIDER LEVETT BUCKNALL (ZA) (PTY) LTD</t>
  </si>
  <si>
    <t xml:space="preserve">KHANGWE INTELLIGENT TECHNOLOGY SOLUTIONS </t>
  </si>
  <si>
    <t>SRSQS QUANTITY SURVEYORS (PTY) LTD</t>
  </si>
  <si>
    <t>RE-SOLVE CONSULTING (PTY) LTD</t>
  </si>
  <si>
    <t>KABE CONSULTING ENGINEERS</t>
  </si>
  <si>
    <t>TRIUMPHANT ZOE (PTY) LTD</t>
  </si>
  <si>
    <t>TICA CONSULTANTS (PTY) LTD</t>
  </si>
  <si>
    <t>QUALCONSUL QS CC</t>
  </si>
  <si>
    <t>CALITRADE CC T/A ALTAK AFRICA</t>
  </si>
  <si>
    <t>TMTJ CONSULTING GAUTENG (PTY) LTD</t>
  </si>
  <si>
    <t>THESHANI TRADING ENTERPRISE (PTY) LTD</t>
  </si>
  <si>
    <t>ARCHITECTURAL DESIGN ASSOCIATES (PTY) LTD</t>
  </si>
  <si>
    <t>PHUNGA CONSULTING ENGINEERS</t>
  </si>
  <si>
    <t>ZITHOLELE CONSULTING (PTY) LTD</t>
  </si>
  <si>
    <t>ST. NUBIAN ARCHITECTS (PTY) LTD</t>
  </si>
  <si>
    <t>CONSULTZUM ARCHITECTS (PTY) LTD</t>
  </si>
  <si>
    <t>EPCM BONISANA</t>
  </si>
  <si>
    <t xml:space="preserve">M KONA CONSULTING ENGINEERS </t>
  </si>
  <si>
    <t>ENDECON UBUNTY GAUTENG (PTY) LTD</t>
  </si>
  <si>
    <t>ORVALL CORPORATE DESIGNS</t>
  </si>
  <si>
    <t>B2B CONSULTANTS (PTY) LTD</t>
  </si>
  <si>
    <t>GANT PROJECT MANAGEMENT (PTY) LTD</t>
  </si>
  <si>
    <t>GREENBUILT (PTY) LTD</t>
  </si>
  <si>
    <t>SIST ENGINEERS</t>
  </si>
  <si>
    <t xml:space="preserve">BHAM TAYOB KHAN JHB INCORPORATED </t>
  </si>
  <si>
    <t>TRIVIRON PROJECT MANAGEMENT (PTY) LTD</t>
  </si>
  <si>
    <t>E-SQUARE ENGINEERING (PTY) LTD</t>
  </si>
  <si>
    <t>CRANE GROUP CONSULTING</t>
  </si>
  <si>
    <t>HENRY FAGAN CONSULTING ENGINEERS &amp; PROJECT MANAGERS</t>
  </si>
  <si>
    <t>RFP45/2021</t>
  </si>
  <si>
    <t>APPOINTMENT OF PANEL OF SERVICE PROVIDERS FOR DEBT COLLECTION AND RELATED SERVICES</t>
  </si>
  <si>
    <t>CCS CREDIT SOLUTION SERVICES</t>
  </si>
  <si>
    <t>MRT RECOVERIES</t>
  </si>
  <si>
    <t>DREDIN CONSULTING</t>
  </si>
  <si>
    <t xml:space="preserve">MAGQABI </t>
  </si>
  <si>
    <t>MSC DEBT RECOVERY</t>
  </si>
  <si>
    <t>BLAKE AND ASSOCIATES (PTY) LTD</t>
  </si>
  <si>
    <t>NEW INTERGRATED CREDIT SOLUTIONS (PTY) LTD</t>
  </si>
  <si>
    <t>MORKALIO REVENUE SOLUTION</t>
  </si>
  <si>
    <t>IN-QUEST COLLECTIONS (PTY) LTD</t>
  </si>
  <si>
    <t>DEALFLOW REVENUE COLLECTION (PTY) LTD</t>
  </si>
  <si>
    <t>MT MTIMANDZE PROJECT AND CONSULTING (PTY) LTD</t>
  </si>
  <si>
    <t>MEDACO REVENUE SOLUTIONS</t>
  </si>
  <si>
    <t>NOKO MAIMELA INC</t>
  </si>
  <si>
    <t>BAFANA NCUBE INCORPORATED</t>
  </si>
  <si>
    <t>STEGMANS INCORPORATED</t>
  </si>
  <si>
    <t>BHAM AND DAHYA CC</t>
  </si>
  <si>
    <t>NTIYISO CONSULTING (PTY) LTD</t>
  </si>
  <si>
    <t>TSHIQI ZEBEDELIA INC T/A TZ ATTORNEYS</t>
  </si>
  <si>
    <t>PHATSHOANE HENNY COLLECTIONS JOINT VENTURE</t>
  </si>
  <si>
    <t>KELEBOGILE RANELANA T/A MYBURG RALENALA ATTORNEYS</t>
  </si>
  <si>
    <t>MONTSONYANA INSTITUTE OF HUMAN EXCELLENCE (PTY) LTD</t>
  </si>
  <si>
    <t>RAHMAN CASSIM ATTORNEYS</t>
  </si>
  <si>
    <t>BALIMI BARUI TRADING (PTY) T/A BBT CAPITAL</t>
  </si>
  <si>
    <t>SAYA RECOVERIES (PTY) LTD</t>
  </si>
  <si>
    <t>PHAKAMANI PEERS</t>
  </si>
  <si>
    <t>COSL CONSULTING</t>
  </si>
  <si>
    <t>M3 ALL IN ONE PROJECTS</t>
  </si>
  <si>
    <t>REVENUE CONSULTING</t>
  </si>
  <si>
    <t>MOBELA ATTORNEYS INC</t>
  </si>
  <si>
    <t>GMI ATTORNEYS</t>
  </si>
  <si>
    <t>ELECTRO CUTS RISIMA SHARED SERVICES JV</t>
  </si>
  <si>
    <t>VAN DE VENTER MOJAPELO</t>
  </si>
  <si>
    <t>MANGOEDI REVENUE &amp; FACILITIES MANAGEMENT AND DE SWART MAYAMBO HLAHLA ATTORNEYS JV</t>
  </si>
  <si>
    <t>DEBT-IN CONSULTANTS (PTY) LTD</t>
  </si>
  <si>
    <t>ALPHACOL HOLDINGS (PTY) LTD</t>
  </si>
  <si>
    <t xml:space="preserve">BTF GLOBAL </t>
  </si>
  <si>
    <t>NUDEBT MANAGEMENT (PTY) LTD</t>
  </si>
  <si>
    <t>RAMOTHELLO ATTORNEYS INC</t>
  </si>
  <si>
    <t>TRANSACTION CAPITAL RECOVERIES (PTY) LTD</t>
  </si>
  <si>
    <t>STRAUSS DALY ATTORNEYS</t>
  </si>
  <si>
    <t>LUSENGA ATTORNEYS INCORPORATED</t>
  </si>
  <si>
    <t>NFD CONSULTING (PTY) LTD</t>
  </si>
  <si>
    <t>IMANI BUSINESS ADVISORY SERVICES (PTY) LTD</t>
  </si>
  <si>
    <t>FINDLAY AND NIEMEYER</t>
  </si>
  <si>
    <t>POSWA INCORPORATED</t>
  </si>
  <si>
    <t>SINGHS ATTORNEYS</t>
  </si>
  <si>
    <t>KVW LEGAL &amp; ASSOCIATES</t>
  </si>
  <si>
    <t>DOUBLE M MEDPRAC SOLUTIONS (PTY) LTD</t>
  </si>
  <si>
    <t>KOIKANYANG INCORPORATED</t>
  </si>
  <si>
    <t>MADHLOPA AND THENGA INCORPORATED</t>
  </si>
  <si>
    <t>AA SOLWANDLE ATTORNEYS INC</t>
  </si>
  <si>
    <t>NIMBLE COLLECTION SERVICES (PTY) LTD</t>
  </si>
  <si>
    <t>MKHABELA HUNTLEY ATTORNEYS</t>
  </si>
  <si>
    <t>KAMOHELO ENTLE JV SIGAMA ATTORNEYS</t>
  </si>
  <si>
    <t xml:space="preserve">PRINCE MUDAU AND ASSOCIATES </t>
  </si>
  <si>
    <t>IDP TRACING SERVICES T/A TRACEONLINE</t>
  </si>
  <si>
    <t>ITC BUSINESS ADMININISTRATORS (PTY) LTD</t>
  </si>
  <si>
    <t>PAMODZI REVENUE AND ENERGY SOLUTIONS</t>
  </si>
  <si>
    <t>MACROBERT INCORPORATED ATTORNEYS</t>
  </si>
  <si>
    <t>RANTHO AND ASSOCIATES INC ATTORNEYS</t>
  </si>
  <si>
    <t>S STANDER AND ASSOCIATES</t>
  </si>
  <si>
    <t>RFP50/2021</t>
  </si>
  <si>
    <t>PROVISION OF FLEET MANAGEMENT SERVICES FOR A PERIOD OF FIVE (5) YEARS</t>
  </si>
  <si>
    <t>ZEDA CAR LEASING T/A AVIS FLEET</t>
  </si>
  <si>
    <t>FLEETAFRICA, A DIVISION OF SUPAR GROUP AFRICA (PTY) LTD</t>
  </si>
  <si>
    <t>ENX CORPORATION LIMITE T/A EQSTRA FLEET MANAGEMENT</t>
  </si>
  <si>
    <t>58 FLEET</t>
  </si>
  <si>
    <t>TALIS FLEET PTY LTD</t>
  </si>
  <si>
    <t>DIGICALL SOUTH AFRICA (PTY) LTD</t>
  </si>
  <si>
    <t>ALDER GROVE AUTOMOTIVE (PTY) LTD</t>
  </si>
  <si>
    <t>THE STANDARD BANK OF SOUTH AFRICA</t>
  </si>
  <si>
    <t>MDZ FLEET SOLUTIONS (PTY) LTD</t>
  </si>
  <si>
    <t>AFRIRENT (PTY) LTD</t>
  </si>
  <si>
    <t>FLEETDATA TECHNOLOGIES CC</t>
  </si>
  <si>
    <t>EWC VEHICLE COMMUNICATIONS</t>
  </si>
  <si>
    <t>UMKHOTO PROFESSIONAL SERVICES</t>
  </si>
  <si>
    <t>ALLIANCE GROUP FLEET (PTY) LTD</t>
  </si>
  <si>
    <t>FLEET HORIZON SOLUTIONS (PTY) LTD</t>
  </si>
  <si>
    <t>RFP51/2021</t>
  </si>
  <si>
    <t>APPOINTMENT OF A SERVICE PROVIDER FOR THE MARKETING AND ADVERTISING SERVICES</t>
  </si>
  <si>
    <t>TSALENA MEDIA</t>
  </si>
  <si>
    <t>AVATAR AGENCY (PTY) LTD</t>
  </si>
  <si>
    <t>PURPLE SQUARE (PTY) LTD</t>
  </si>
  <si>
    <t>SOUL PROVIDERS COLLECTIVE</t>
  </si>
  <si>
    <t>CUT TO BLACK MEDIA</t>
  </si>
  <si>
    <t>HOUSE OF THE BRAVE</t>
  </si>
  <si>
    <t>RETROLEX CONSULTANCY</t>
  </si>
  <si>
    <t>SPACEGROW MEDIA (PTY) LTD</t>
  </si>
  <si>
    <t>LS COMMUICATIONS (PTY) LTD T/A HELLOFCB+</t>
  </si>
  <si>
    <t>RFP52/2021</t>
  </si>
  <si>
    <t>APPOINTMENT OF A PANEL OF SERVICE PROVIDERS FOR THE PROVISION OF FORKLIFTS FOR THE PERIOD OF FIVE (5) YEARS</t>
  </si>
  <si>
    <t>SHUMANI INDUSTRIAL EQUIPMENT</t>
  </si>
  <si>
    <t>MDZ FLEET SOLUTIONS</t>
  </si>
  <si>
    <t>CES FORKLIFT (PTY) LTD</t>
  </si>
  <si>
    <t>UDAH SOLUTIONS (PTY) LTD</t>
  </si>
  <si>
    <t>VINCEMUS INVESTMENTS (PTY) LTD</t>
  </si>
  <si>
    <t>THE BROTHERS ENGINEERING SOLUTIONS</t>
  </si>
  <si>
    <t>DIVERSIFEX 592 (PTY) LTD</t>
  </si>
  <si>
    <t>GOSCOR LIFT TRUCK COMPANY</t>
  </si>
  <si>
    <t>RHINO AFRICA TOOLS &amp; EQUIPMENT COMPANY (PTY) LTD</t>
  </si>
  <si>
    <t>DIGI LITHO PTY LTD</t>
  </si>
  <si>
    <t>RFP04-2022</t>
  </si>
  <si>
    <t>PROVISION OF NATIONAL PHYSICAL SECURITY SERVICES</t>
  </si>
  <si>
    <t>BANTU BATHU SECURITY SERVICES</t>
  </si>
  <si>
    <t>MAXI PHUMELELA SECURITY (PTY) LTD</t>
  </si>
  <si>
    <t>TNI SUPERIOR GENERAL TRADING</t>
  </si>
  <si>
    <t>VEMISANI SECURITY SERVICES</t>
  </si>
  <si>
    <t>BHS SECURITY</t>
  </si>
  <si>
    <t>PHANGELA PRIVATE SECURITY SERVICES</t>
  </si>
  <si>
    <t>JACKCLIFFY TRADING CC</t>
  </si>
  <si>
    <t>MOLALE SECURITY SERVICES</t>
  </si>
  <si>
    <t>XHOBANI SECURITY CATERING &amp; DISTRIBUTION AGENCY (PTY) LTD</t>
  </si>
  <si>
    <t>ENSEMBLE TRADING 2366 CC</t>
  </si>
  <si>
    <t>RELIANCE CORPORATE SECURITY SERVICES (PTY) LTD</t>
  </si>
  <si>
    <t>INKUNZI PROTECTION UNIT AND TRAINING (PTY) LTD</t>
  </si>
  <si>
    <t>MVIKELI PROTECTION SERVICES (PTY) LTD</t>
  </si>
  <si>
    <t>DOUBLE BARELL SECURITY SERVICES CC</t>
  </si>
  <si>
    <t>NHLANGOTHI PROTECTION SERVICES</t>
  </si>
  <si>
    <t>ASEMHLE TRADING</t>
  </si>
  <si>
    <t>GOLDEN SECURITY SERVICES</t>
  </si>
  <si>
    <t>MADUNA PROTECTION SERVICES (PTY) LTD</t>
  </si>
  <si>
    <t>QUICK BOPHA SECURITY (PTY) LTD</t>
  </si>
  <si>
    <t>WENZILE PHAPHAMA TRADING AND PROJECTS</t>
  </si>
  <si>
    <t>VUZELA RISK SERVICES</t>
  </si>
  <si>
    <t>ENVIROMONGZ</t>
  </si>
  <si>
    <t>MAMELEGA BUSINESS TRADING (PTY) LTD</t>
  </si>
  <si>
    <t>PRO SECURE</t>
  </si>
  <si>
    <t>NCEDA CLEANING &amp; SECURITY SERVICES</t>
  </si>
  <si>
    <t>RED ALERT TSS (PTY) LTD</t>
  </si>
  <si>
    <t>CSG SECURITY (PTY) LTD</t>
  </si>
  <si>
    <t>LIFESHIELD HOME SECURITY AND PROJECTS</t>
  </si>
  <si>
    <t>BAMOGALE ENTERPRISE (PTY) LTD</t>
  </si>
  <si>
    <t>MATHARA INVESTMENTS</t>
  </si>
  <si>
    <t>KYA GUARDS (PTY) LTD</t>
  </si>
  <si>
    <t>MUFHATUTSHEDZWA PROTECTION SERVICES</t>
  </si>
  <si>
    <t>MAKHULUKHULU PROTECTION</t>
  </si>
  <si>
    <t>JMP SECURITY SOLUTIONS</t>
  </si>
  <si>
    <t>SSG SECURITY SOLUTIONS</t>
  </si>
  <si>
    <t>MARUMOFASE SECURITY CC</t>
  </si>
  <si>
    <t>NOBANTU GUARDING (PTY) LTD</t>
  </si>
  <si>
    <t>VUSA SECURITY &amp; PROJECTS (PTY) LTD</t>
  </si>
  <si>
    <t>NTABASI BUSINESS ENTERPRISE</t>
  </si>
  <si>
    <t>GUBIS85 SOLUTIONS (PTY) LTD</t>
  </si>
  <si>
    <t>ELDNA SECURITY SERVICES CC</t>
  </si>
  <si>
    <t>CALVIN AND FAMILY SECURITY SERVICES (PTY) LTD</t>
  </si>
  <si>
    <t>VIMTSIRE PROTECTION SERVICES</t>
  </si>
  <si>
    <t>PANGELA PROTECTION SERVICES</t>
  </si>
  <si>
    <t>DEPHETHOGO CLEANING &amp; SECURITY</t>
  </si>
  <si>
    <t>IDLANGAMANDLA SECURITY PROTECTION &amp; PROJECTS CC</t>
  </si>
  <si>
    <t>STJ BEST TRADING AND PROJECTS (PTY) LTD</t>
  </si>
  <si>
    <t>NGULUBE TRADING ENTERPRISE</t>
  </si>
  <si>
    <t>CAREWELL HOLDINGS 5 (PTY) LTD</t>
  </si>
  <si>
    <t>SDS PROTECTION (PTY) LTD</t>
  </si>
  <si>
    <t>GOODWORK SECURITY (PTY) LTD</t>
  </si>
  <si>
    <t xml:space="preserve">TSHEDZA PROTECTIVE SERVICES CC </t>
  </si>
  <si>
    <t>RFP05-2022</t>
  </si>
  <si>
    <t>APPOINTMENT OF SERVICE PROVIDER(S) FOR THE PROVISION OF PAPER PRODUCTS FOR A PERIOD OF THREE(3) YEARS NATIONWIDE</t>
  </si>
  <si>
    <t>IZINDABA EZINOHLONZE (PTY) LTD</t>
  </si>
  <si>
    <t>SENTLE PRODUCTIONS CC</t>
  </si>
  <si>
    <t>MRN CONSULTING SERVICES</t>
  </si>
  <si>
    <t>SEBENZANI TRADING 622 CC</t>
  </si>
  <si>
    <t>NTABASI BUSINESS TRADING</t>
  </si>
  <si>
    <t>MAPRESH SERVICES PTY LTD</t>
  </si>
  <si>
    <t>RFP11-2022</t>
  </si>
  <si>
    <t>APPOINTMENT OF A SERVICE PROVIDER FOR THE PROVISION OF A DRUG TEST KIT FOR A PERIOD OF 
5 YEARS.</t>
  </si>
  <si>
    <t>WEALTHWURTHS HOLDINGS (PTY) LTD</t>
  </si>
  <si>
    <t>SAFARMEX (PTY) LTD</t>
  </si>
  <si>
    <t>OFFICE SAFETY TECHNOLOGIES</t>
  </si>
  <si>
    <t>REATLEGILE ROTLHE ENTERPRISES (PTY) LTD</t>
  </si>
  <si>
    <t>RFP10/2022</t>
  </si>
  <si>
    <t>APPOINTMENT OF A SERVICE PROVIDER FOR THE PROVISION OF EVENT MANAGEMENT SERVICES FOR SARS, 25TH ANNIVERSARY</t>
  </si>
  <si>
    <t>LETS SETTLE OUR DUES CORPORATIONS PTY LTD</t>
  </si>
  <si>
    <t>ANDIMAHLE TRADING ENTERPRISE</t>
  </si>
  <si>
    <t>ETHELSCREATIONS PTY LTD</t>
  </si>
  <si>
    <t>LUTHANDO OLUHLE INVESTMENTS PTY LTD</t>
  </si>
  <si>
    <t xml:space="preserve">SGC GLOBAL </t>
  </si>
  <si>
    <t>MOSHATE COMMUNICATIONS</t>
  </si>
  <si>
    <t>THE BRAND LEADERSHIP GROUP</t>
  </si>
  <si>
    <t>CUT TO BLACK LEADERSHIP GROUP</t>
  </si>
  <si>
    <t>THE ALLURE GROUP SA (PTY) LTD</t>
  </si>
  <si>
    <t>RFP09/2022</t>
  </si>
  <si>
    <t>APPOINTMENT OF A PANEL OF SERVICE PROVIDERS FOR THE AUDIO-VISUAL AND STAGING EQUIPMENT FOR SARS EVENTS</t>
  </si>
  <si>
    <t>AGILE CREATIVE MARKETING</t>
  </si>
  <si>
    <t>ZETHU COMMUNICATIONS</t>
  </si>
  <si>
    <t>BLACK MOTION GROUP</t>
  </si>
  <si>
    <t>AVSTAGE (PTY) LTD</t>
  </si>
  <si>
    <t>MBE PROMOTIONS</t>
  </si>
  <si>
    <t>KTM1 MARKETING AND EVENTS (PTY) LTD</t>
  </si>
  <si>
    <t>AIRLOCKED EVENTS MANAGEMENT AND PROJECTS (PTY) LTD</t>
  </si>
  <si>
    <t>IMALUX (PTY) LTD</t>
  </si>
  <si>
    <t>SOUND STYLISTS TECHNICAL SERVICES (PTY) LTD</t>
  </si>
  <si>
    <t>HOTSAUCE PRODUCTIONS</t>
  </si>
  <si>
    <t>RFP02/2022</t>
  </si>
  <si>
    <t>APPOINTMENT OF A VAT REFUND ADMINISTRATOR</t>
  </si>
  <si>
    <t>VAT REFUND ADMINISTRATOR PTY LTD</t>
  </si>
  <si>
    <t>HERMAN STOLS REKENMEESTERS (PTY) LTD</t>
  </si>
  <si>
    <t>GLOBAL BLUE (SOUTH AFRICA) PTY LTD</t>
  </si>
  <si>
    <t>RFP49/2022</t>
  </si>
  <si>
    <t>ACQUISITION OF AN ECONOMIC, INDUSTRY, COMPANY AND INDIVIDUAL RESEARCH DATABASE TOOL</t>
  </si>
  <si>
    <t>WHO OWNS WHOM (PTY) LTD</t>
  </si>
  <si>
    <t>RFP01/2022</t>
  </si>
  <si>
    <t>APPOINTMENT OF CONSULTING ENGINEERING FIRM IN THE FIELD OF TECHNICAL SECURITY</t>
  </si>
  <si>
    <t>RFP14/2022</t>
  </si>
  <si>
    <t>APPOINTMENT OF A SERVICE PROVIDER(S) FOR THE PROVISION OF ONSITE DOCUMENT STORAGE REDUCTION SERVICES FOR CAPE TOWN AND JOHANNESBURG PROCESSING CENTRES FOR THE PERIOD OF TWENTY-FOUR (24) MONTHS</t>
  </si>
  <si>
    <t>VERITAS ENGINEERING AND PROJECT MANAGEMENT CONSULTANTS (PTY) LTD</t>
  </si>
  <si>
    <t>IRON MOUNTAIN SOUTH AFRICA</t>
  </si>
  <si>
    <t>METROFILE PTY LTD</t>
  </si>
  <si>
    <t>RFP54/2021</t>
  </si>
  <si>
    <t>APPOINTMENT OF PANEL OF A SERVICE PROVIDERS FOR THE PROVISION OF PROJECT MANAGEMENT CONTRACTORS</t>
  </si>
  <si>
    <t>TM BUSINESS SOLUTIONS (PTY) LTD</t>
  </si>
  <si>
    <t>AFRIDIGITAL HOLDING (PTY) LTD</t>
  </si>
  <si>
    <t>LETSEMA CONSULTING AND ADVISORY (PTY) LTD</t>
  </si>
  <si>
    <t>EQPLUS TECHNOLOGIES (PTY) LTD</t>
  </si>
  <si>
    <t>REAAGI CONSULTING ENGINEERS</t>
  </si>
  <si>
    <t>VMQ PROPERTY SERVICES (PTY) LTD</t>
  </si>
  <si>
    <t>CROSS STREAM SYSTEMS (PTY) LTD</t>
  </si>
  <si>
    <t>EDGE DATA WAVE (PTY) LTD</t>
  </si>
  <si>
    <t>BADIMO ASSET MANAGEMENT SOLUTION T/A BAMS MOBILITY</t>
  </si>
  <si>
    <t>NAVAYUGA INFOTECH SA (PTY) LTD</t>
  </si>
  <si>
    <t>BAITSEANAPE CONSULTING ENGINEERS</t>
  </si>
  <si>
    <t>UBUNGCWETI MANAGEMENT SERVICES (PTY) LTD</t>
  </si>
  <si>
    <t>CELANKOBE ENGINEERING &amp; ARCHITECTURAL CONSULTANTS</t>
  </si>
  <si>
    <t>AZRA DEVELOPMENTS CC</t>
  </si>
  <si>
    <t>CIVEC CIVIL ENGINEERING CONSULTANTS (PTY) LTD</t>
  </si>
  <si>
    <t>MOSHATE CONSULTING SERVICES (PTY) LTD</t>
  </si>
  <si>
    <t>INVOKE SOLUTIONS (PTY) LTD</t>
  </si>
  <si>
    <t>RFP22/2022</t>
  </si>
  <si>
    <t>THE ESTABLISHMENT OF A PANEL FOR PRINTING, LABELLING AND PACKAGING FOR COMMUNICATION MATERIAL SERVICES</t>
  </si>
  <si>
    <t>RENFORM CORPORATE PRINT MEDIA</t>
  </si>
  <si>
    <t>JETLINE</t>
  </si>
  <si>
    <t>INSIDEDATA NORTH (PTY) LTD</t>
  </si>
  <si>
    <t>ABC PRESS (PTY) LTD</t>
  </si>
  <si>
    <t>TS MABUNDA TRADING AND PROJECTS</t>
  </si>
  <si>
    <t>MAILTRONIC DIRECT MARKETING  CC</t>
  </si>
  <si>
    <t>RFP24/2022</t>
  </si>
  <si>
    <t>APPOINTMENT OF A SERVICE PROVIDER FOR THE RENTAL OF SARS KIOSKS</t>
  </si>
  <si>
    <t>CENTURION MICRO ELECTRONICS (PTY) LTD</t>
  </si>
  <si>
    <t>GX CONNECT (PTY) LTD T/A GAPROC MEDIA</t>
  </si>
  <si>
    <t>RFP17/2022</t>
  </si>
  <si>
    <t>ESTABLISHMENT OF SECURITY ASSESSMENT SERVICES PROTAL</t>
  </si>
  <si>
    <t>DATAPROOF COMMUNICATIONS</t>
  </si>
  <si>
    <t>ORANGE CYBERDEFENSE SOUTH AFRICA</t>
  </si>
  <si>
    <t>TELSPACE AFRICA (PTY) LTD</t>
  </si>
  <si>
    <t>ACCENTURE SOUTH AFRICA (PTY) LTD</t>
  </si>
  <si>
    <t>PHAKAMO HOLDINGS (PTY) LTD</t>
  </si>
  <si>
    <t>RFP23/2022</t>
  </si>
  <si>
    <t>THE REQUEST TO APPOINT A SERVICE PROVIDER FOR WHATSAPP BUSINESS SOLUTION PLATFORM FOR A PERIOD OF FIVE (05) YEARS</t>
  </si>
  <si>
    <t>VC IT INSIGHT PTY LTD</t>
  </si>
  <si>
    <t>TSOGATEC (PTY) LTD</t>
  </si>
  <si>
    <t>CONSUMER PROFILE BUREAU</t>
  </si>
  <si>
    <t>INFOBIP AFRICA (PTY) LTD</t>
  </si>
  <si>
    <t>MASSCOM INTERACTIVE (PTY) LTD  T/A CHAT INC</t>
  </si>
  <si>
    <t>CX ENGAGE PTY LTD</t>
  </si>
  <si>
    <t>BLUE TURTLE TECHNOLOGIES</t>
  </si>
  <si>
    <t>IOCO DIGITAL (PTY) LTD</t>
  </si>
  <si>
    <t>RFP08/2022</t>
  </si>
  <si>
    <t>SARS TECHNICAL SECURITY MODERNISATION TENDER</t>
  </si>
  <si>
    <t xml:space="preserve">FIDELITY ADT &amp; TECHNICAL (PTY) LTD </t>
  </si>
  <si>
    <t>JASUKI ENTERPRISE CC</t>
  </si>
  <si>
    <t>SIZWE NDEGE CONSORTIUM</t>
  </si>
  <si>
    <t>MOGWELE TRADING 89 (PTY) LTD TA FEDILE PROJECTS</t>
  </si>
  <si>
    <t>MUSTEK LIMITED</t>
  </si>
  <si>
    <t>PROSECURE (PTY) LTD</t>
  </si>
  <si>
    <t>SPECIALISED VIDEO SOLUTIONS (WESTERN CAPE) (PTY) LTD</t>
  </si>
  <si>
    <t>SHIELD PLATINUM HOLDING</t>
  </si>
  <si>
    <t xml:space="preserve">XTREMETEC MANAGEMENT &amp; CONSULTING (PTY) LTD </t>
  </si>
  <si>
    <t xml:space="preserve">BONA ELECTRONIC SOLUTIONS </t>
  </si>
  <si>
    <t>RFP03/2022</t>
  </si>
  <si>
    <t>ESTABLISHMENT OF PANEL FOR RECRUITMENT SERVICE PROVIDERS</t>
  </si>
  <si>
    <t>SET RECRUITMENT CONSULTANTS (PTY) LTD</t>
  </si>
  <si>
    <t>TASISO CONSULTING (PTY) LTD</t>
  </si>
  <si>
    <t>LETSHALO HR SERVICES (PTY) LTD</t>
  </si>
  <si>
    <t>PMD MS (PTY) LTD</t>
  </si>
  <si>
    <t>TAMDECO APPOINTMENTS</t>
  </si>
  <si>
    <t>WARRIOR TALENT HOLDINGS (PTY) LTD</t>
  </si>
  <si>
    <t>PHANDA PERSONNEL</t>
  </si>
  <si>
    <t>STANTON CHASE SA (PTY) LTD</t>
  </si>
  <si>
    <t>LULAMA PLACEMENTS</t>
  </si>
  <si>
    <t>RESOURGENIX (PTY) LTD</t>
  </si>
  <si>
    <t>PREMIUM PERSONNEL</t>
  </si>
  <si>
    <t>ABC WORLDWIDE</t>
  </si>
  <si>
    <t>MULTILEAD CONSULTING SERVICES</t>
  </si>
  <si>
    <t>INVOKE RESOURCINT (PTY) LTD</t>
  </si>
  <si>
    <t>AFRIZAN PEOPLE INTELLIGENCE (PTY) LTD</t>
  </si>
  <si>
    <t>ACUMEN MEDIA/TONYA KHOURY PTY LTD</t>
  </si>
  <si>
    <t>PROFESSIONAL EVALUATION AND RESEARCH</t>
  </si>
  <si>
    <t>PONELELO MEDIA MONITORING PTY LTD</t>
  </si>
  <si>
    <t>KTM KNOWLEDGE SOLUTIONS (PTY) LTD</t>
  </si>
  <si>
    <t>NOVUS GROUP (PTY) LTD</t>
  </si>
  <si>
    <t>APPOINTMENT OF A SERVICE PROVIDER FOR THE PROVISION OF MEDIA MONITORING AND ANALYSIS SERVICE</t>
  </si>
  <si>
    <t>RFP19/2022</t>
  </si>
  <si>
    <t>RFP18/2022</t>
  </si>
  <si>
    <t>APPOINTMENT OF A SERVICE PROVIDER FOR THE MAINTENANCE OF DIESEL GENERATORS AT SARS</t>
  </si>
  <si>
    <t>SUPERFECTA TRADING 209 (PTY) LTD</t>
  </si>
  <si>
    <t>SAMO ENGINERING ELECTRICAL (PTY) LTD</t>
  </si>
  <si>
    <t>JABSI TRADING ENTERPRISES</t>
  </si>
  <si>
    <t>MANDLAKAZI ELECTRICAL TECHNOLOGIES</t>
  </si>
  <si>
    <t>MATASE INDUSTRIAL SOLUTIONS</t>
  </si>
  <si>
    <t>GENERATOR AND PLANT HIRE SA</t>
  </si>
  <si>
    <t>ELROI OPULENCE CONSORTIUM</t>
  </si>
  <si>
    <t>BIDVEST FACILITIES MANAGEMENT</t>
  </si>
  <si>
    <t>RFP31/2022</t>
  </si>
  <si>
    <t>PROVISION OF SHORT-TERM INSURANCE BROKERAGE SERVICES</t>
  </si>
  <si>
    <t>LATERAL UNISON INSURANCE BROKERS (PTY) LTD</t>
  </si>
  <si>
    <t>AFRICAN DAWN RISK SOLUTIONS (PTY) LTD</t>
  </si>
  <si>
    <t>KUNENE MAKOPO RISK SOLUTIONS</t>
  </si>
  <si>
    <t>RFP29/2022</t>
  </si>
  <si>
    <t>HAMBA UMHLABA TRAVEL</t>
  </si>
  <si>
    <t xml:space="preserve">BESTY TRAVEL </t>
  </si>
  <si>
    <t>FCM TRAVEL SOLUTIONS (PTY) LTD</t>
  </si>
  <si>
    <t>GEMINI MOON TRADING 7 T/A XL NEXUS TRAVEL</t>
  </si>
  <si>
    <t>QUAREL TRAVEL MANAGEMENT (PTY) LTD T/A CWTSA</t>
  </si>
  <si>
    <t>WINGSNALEDI TRAVEL MANAGEMENT</t>
  </si>
  <si>
    <t>CLUB CORPORATE TRAVEL (PTY) LTD T/A CLUB TRAVEL CORPORATE</t>
  </si>
  <si>
    <t>MARY REYNOLDS AGENCY SERVICES (PTY) LTD T/A REYNOLDS TRAVEL CENTRE</t>
  </si>
  <si>
    <t>ATLANTIS CORPORATE TRAVEL</t>
  </si>
  <si>
    <t>TOURVEST TRAVEL SERVICES (PTY) LTD - DIV OF TOURVEST HOLDINGS (PTY) LTD</t>
  </si>
  <si>
    <t>TAG TRAVEL PTY LTD</t>
  </si>
  <si>
    <t>RENNIES BCD TRAVEL</t>
  </si>
  <si>
    <t>RFP16/2022</t>
  </si>
  <si>
    <t>RENEWAL OF CURRENT VMWARE SOFTWARE SUPPORT SUBSCRIPTION AND ADDITIONAL VMWARE SOFTWARE LICENCES</t>
  </si>
  <si>
    <t>PHANDU COMMUNICATIONS</t>
  </si>
  <si>
    <t>MATLALA GROUP</t>
  </si>
  <si>
    <t>SIZWE AFRICA IT GROUP</t>
  </si>
  <si>
    <t>NIKHA TECHNOLOGY GROUP</t>
  </si>
  <si>
    <t>AARIVA (PTY) LTD</t>
  </si>
  <si>
    <t>MASEROLE ENTERPRISES (PTY) LTD</t>
  </si>
  <si>
    <t>RFP38/2022</t>
  </si>
  <si>
    <t>APPOINTMENT OF A SERVICE PROVIDER FOR HEALTH AND SAFETY TRAINING</t>
  </si>
  <si>
    <t>SENG'KHONA TRADING ENTERPRISE</t>
  </si>
  <si>
    <t>ANDEBE GROUP (PTY) LTD</t>
  </si>
  <si>
    <t>TASHIE HOLDINGS</t>
  </si>
  <si>
    <t>DEE-BRAVO TRAINING CENTRE</t>
  </si>
  <si>
    <t>WORLD WIDE INDUSTRIAL &amp; SYSTEMS ENGINEERS (PTY) LTD</t>
  </si>
  <si>
    <t>DEEPEG (PTY) LTD</t>
  </si>
  <si>
    <t>NOMANGWANISHE INVESTMENT</t>
  </si>
  <si>
    <t>TRAINING B2B CC</t>
  </si>
  <si>
    <t>TSHIRELETSO MULTI-SKILLS &amp; TRAINING (PTY) LTD</t>
  </si>
  <si>
    <t>RFP41/2022</t>
  </si>
  <si>
    <t>APPOINTMENT OF A SERVICE PROVIDER FOR PROVISIONING OF RED-HATMAINTENANCE &amp; SUPPORT FOR PERIOD OF 5 YEARS.</t>
  </si>
  <si>
    <t>EKWANTU CONSULTING (PTY) LTD</t>
  </si>
  <si>
    <t>GIJIMA HOLDING (PTY) LTD</t>
  </si>
  <si>
    <t>NALEDZI TECHNOLOGIES (PTY) LTD</t>
  </si>
  <si>
    <t>JUMPCO CONSULTING (PTY) LTD</t>
  </si>
  <si>
    <t>INITD-IT SERVICES (PTY) LTD</t>
  </si>
  <si>
    <t>VOIMAR (PTY) LTD</t>
  </si>
  <si>
    <t>RFP36/2022</t>
  </si>
  <si>
    <t>PROVISION OF MEDICAL SURVEILLANCE, IMMUNIZATIONS AND RELATED SERVICES</t>
  </si>
  <si>
    <t>VUYANI CLINIC (PTY) LTD</t>
  </si>
  <si>
    <t>INTEGRATED OCCUPATIONAL HEALTH SERIVCES</t>
  </si>
  <si>
    <t>OSHEQS HEALTH AND SAFETY SOLUTIONS (PTY) LTD</t>
  </si>
  <si>
    <t>BOPHELO OCCUPATIONAL HEALTH CARE</t>
  </si>
  <si>
    <t>OHS CARE</t>
  </si>
  <si>
    <t>ODIRE OCCUPATIONAL HEALTH</t>
  </si>
  <si>
    <t>NETCARE OCCUPATIONAL HEALTH (PTY) LTD</t>
  </si>
  <si>
    <t>RFP37/2022</t>
  </si>
  <si>
    <t>APPOINTMENT OF A SERVICE PROVIDER TO CONDUCT A PUBLIC OPINION SURVEY ON TAX COMPLIANCE 
AND TO DEVELOP THE ATTITUDE TO TAX COMPLIANCE INDEX.</t>
  </si>
  <si>
    <t>HS BUSINESS SOLUTIONS</t>
  </si>
  <si>
    <t>SIGMA KAIROS RESEARCH &amp; CONSULTING</t>
  </si>
  <si>
    <t>SURVEYFIESTA (PTY) LTD</t>
  </si>
  <si>
    <t>MTHENTE RESEARCH &amp; CONSULING SERVICES (PTY) LTD</t>
  </si>
  <si>
    <t>IPSOS (PTY) LTD</t>
  </si>
  <si>
    <t>PRICEWATERHOUSECOOPERS INC.</t>
  </si>
  <si>
    <t>RFP40/2022</t>
  </si>
  <si>
    <t>SUPPLY, MAINTENANCE OF SANITARY AND HEALTH CARE SERVICES FOR THE SARS OFFICES, COUNTRYWIDE FOR A PERIOD OF 36 MONTHS</t>
  </si>
  <si>
    <t>EZ TRADE 536CC</t>
  </si>
  <si>
    <t>YENZISIZWE TRADING SOLUTIONS (PTY) LTD</t>
  </si>
  <si>
    <t>DELTA CLEANING AND HYGIENE (PTY) LTD</t>
  </si>
  <si>
    <t>TSHIPOTA CLEANING SERVICES</t>
  </si>
  <si>
    <t>UTSHALOMALI CLEANING AND HYGIENE SOLUTIONS (PTY) LTD</t>
  </si>
  <si>
    <t>IMANI BUSINESS ENTERPRISE (PTY) LTD</t>
  </si>
  <si>
    <t>MAJODINA GROUP PTY LTD</t>
  </si>
  <si>
    <t>POWER FULL CLEANING AND PROJECTS (PTY) LTD</t>
  </si>
  <si>
    <t>MAKA HYGIENE SERVICES</t>
  </si>
  <si>
    <t>MOTSWEDING HEALTH CARE SOLUTIONS</t>
  </si>
  <si>
    <t>BOTSENGKWALA HYGIENE SERVICES</t>
  </si>
  <si>
    <t>MAANDA-NES INVESTMENTS</t>
  </si>
  <si>
    <t>MMMB BOKAMOSO PROJECTS AND CONSTRUCTION</t>
  </si>
  <si>
    <t>THINASESIFIKILE TRADING AND PROJECTS (PTY) LTD</t>
  </si>
  <si>
    <t>FIBRECLEAN PTY LTD</t>
  </si>
  <si>
    <t>SERVEST OFFICE SERVICES - A DIVISION OF SERVEST (PTY) LTD</t>
  </si>
  <si>
    <t>MODULAODIRA TRADING AND PROJECTS 27</t>
  </si>
  <si>
    <t>BACHELE ECO SOLUTIONS (PTY) LTD</t>
  </si>
  <si>
    <t>TOTALSERVE FACILITIES MANAGEMENT</t>
  </si>
  <si>
    <t>CCLN CONSULTING (PTY) LTD</t>
  </si>
  <si>
    <t>BASADIPELE (PTY) LTD</t>
  </si>
  <si>
    <t>RFP32/2022</t>
  </si>
  <si>
    <t>APPOINTMENT OF CONSULTING ENGINEERING FIRM IN FIELD OF TECHNICAL SECURITY</t>
  </si>
  <si>
    <t>SKOTANE DEVELOPMENT CONSULTANTS (PTY) LTD</t>
  </si>
  <si>
    <t>RFP33/2022</t>
  </si>
  <si>
    <t>ACQUISITION OF SOFTWARE ASSET MANAGEMENT TOOL, PROFFESIONAL SERVICES, MAINTENANCE AND SUPPORT</t>
  </si>
  <si>
    <t>PROFECIA IT (PTY) LTD</t>
  </si>
  <si>
    <t>BRILLIANT TELECOMMUNICATIONS  (PTY) LTD</t>
  </si>
  <si>
    <t>ACCENTURE (SOUTH AFRICA) PTY LTD</t>
  </si>
  <si>
    <t>QUINTICA SA</t>
  </si>
  <si>
    <t>MATLALA GROUP (PTY) LTD</t>
  </si>
  <si>
    <t>CHARMAINE KAGISO MASEMOLD (T/A ACTION SPORT FOR MEDICS)</t>
  </si>
  <si>
    <t>PAX DIVITIAE (PTY) LTD</t>
  </si>
  <si>
    <t>RFP05/2023</t>
  </si>
  <si>
    <t>APPOINTMENT OF A SERVICE PROVIDER FOR INTERGRATED PEST CONTROL MANAGEMENT SERVICES</t>
  </si>
  <si>
    <t>PLATEAU SOLUTIONS</t>
  </si>
  <si>
    <t>FLICK ENVIRONMENTAL SERVICES (PTY) LTD</t>
  </si>
  <si>
    <t>NEXUS INNOVATIVE SOLUTIONS (PTY) LTD</t>
  </si>
  <si>
    <t>TSEBO SOLUTIONS GROUP (PTY) LTD</t>
  </si>
  <si>
    <t>NSS ENVIROMENTAL SOLUTIONS</t>
  </si>
  <si>
    <t>A'AFRICA TRADING</t>
  </si>
  <si>
    <t>KHERA CLEANING AND SERVICES</t>
  </si>
  <si>
    <t>SANITECH, A DIV OF WACO AFRICA (PTY) LTD</t>
  </si>
  <si>
    <t>ORIZOE SERVICES (PTY) LTD</t>
  </si>
  <si>
    <t>ROYAL PEST MANAGEMENT</t>
  </si>
  <si>
    <t>HGS PROJECTS T/A HOMEGUARD</t>
  </si>
  <si>
    <t>FIBRE CLEAN (PTY) LTD</t>
  </si>
  <si>
    <t>ANDREW MPUMELELO SWAARTBOOI T/A SHARIKE HOLDINGS</t>
  </si>
  <si>
    <t>DEAN PAPIAH T/A ENVIROTECH PEST MANAGEMENT</t>
  </si>
  <si>
    <t>RFP07/2023</t>
  </si>
  <si>
    <t>PROVISIONING OF ARMED RESPNSE SECURITY AND ALARM MONITORING SERVICES</t>
  </si>
  <si>
    <t>SECURELIFE SECURITY SERVICES</t>
  </si>
  <si>
    <t xml:space="preserve">WENZILE PHAPHAMA SECURITY SERVICES </t>
  </si>
  <si>
    <t>FIDELITY ADT AND TECHNICAL</t>
  </si>
  <si>
    <t>RFP19/2023</t>
  </si>
  <si>
    <t>Provision of Graph Database Management Software Tool with Maintenace and Support</t>
  </si>
  <si>
    <t>DAKE SOLUTIONS (PTY) LTD</t>
  </si>
  <si>
    <t>PTP INTEGRATED (PTY) LTD</t>
  </si>
  <si>
    <t>Provision of Cleaning Consumables, Chemicals and Industrial Cleaning Equipment to SARS Nationwide</t>
  </si>
  <si>
    <t>LESEM TRADING ENTERPRISE (PTY) LTD</t>
  </si>
  <si>
    <t>MAHLATJI MMETJI CLEANING AND SECURITY</t>
  </si>
  <si>
    <t xml:space="preserve">TSWELOPELE YARENA (PTY) LTD </t>
  </si>
  <si>
    <t>AMBIDEX HOLDINGS (PTY) LTD</t>
  </si>
  <si>
    <t>SKHONA GROUP HOLDINGS PTY LT</t>
  </si>
  <si>
    <t>MAMOE HOLDINGS (PTY) LTD</t>
  </si>
  <si>
    <t>MOAKAMEDI SELEKE TRADING ENTERPRISE CC</t>
  </si>
  <si>
    <t>SOGALABENI TRADING AND PROJECTS</t>
  </si>
  <si>
    <t>MUBVUMO PROJECTS</t>
  </si>
  <si>
    <t>CLEAN-PRO SYSTEMS(PTY) LTD</t>
  </si>
  <si>
    <t>Appointment of a Service Provider for the Provision of Electronic Forklifts for a period of 5 Years.</t>
  </si>
  <si>
    <t>DIVERSIFEX INVESTMENTS (PTY) LTD</t>
  </si>
  <si>
    <t>TALANA AGRICULTURAL INVESTMENT GROUP (PTY) LTD</t>
  </si>
  <si>
    <t>VINVEMUS INVESTMENTS (PTY) LTD T/A KEMPSTON MATERIAL HANDLING</t>
  </si>
  <si>
    <t>UTHANDA (PTY) LTD</t>
  </si>
  <si>
    <t>KNIGHT POWER SOLUTIONS T/A ORIZEN</t>
  </si>
  <si>
    <t xml:space="preserve">Nzwalo Investments (Pty) Ltd t/a Lumacon Airconditioning </t>
  </si>
  <si>
    <t>Pimec (Pty) Ltd</t>
  </si>
  <si>
    <t>Artecube</t>
  </si>
  <si>
    <t>Ngaatendwe Trading cc</t>
  </si>
  <si>
    <t>Technomobile cc</t>
  </si>
  <si>
    <t>Improvair Enviromental Solutions</t>
  </si>
  <si>
    <t>Appointment of a Suitable Qualified 5 ME or Higher (CIBD Grade) to upgrade HVAC systemat SARS Brooklyn</t>
  </si>
  <si>
    <t>RFP02/2023</t>
  </si>
  <si>
    <t>RFP09/2023</t>
  </si>
  <si>
    <t>RFP11/2023</t>
  </si>
  <si>
    <t>RFP29/2023</t>
  </si>
  <si>
    <t>Appointment of a Service Provider for the Provision of Regulatory Compliance Management Software Tool.</t>
  </si>
  <si>
    <t>Quintica SA (Pty) Ltd</t>
  </si>
  <si>
    <t>Surtech Solutions RSA</t>
  </si>
  <si>
    <t>Homedigimedia (Pty) Ltd</t>
  </si>
  <si>
    <t>Lee's Legal Compliance Services (Pty) Ltd</t>
  </si>
  <si>
    <t xml:space="preserve">Matlala Group </t>
  </si>
  <si>
    <t>Mysolutions (Pty) Ltd</t>
  </si>
  <si>
    <t>Exclaim Innovations and Solutions (Pty) Ltd</t>
  </si>
  <si>
    <t>MITS Institute</t>
  </si>
  <si>
    <t>Bateleur Software (Pty) Ltd</t>
  </si>
  <si>
    <t>RFP13/2023</t>
  </si>
  <si>
    <t>Appointment of Suppliers for Supply and Delivery of Inverters Lithium-ion Batteries and Solar Panels</t>
  </si>
  <si>
    <t>Ratanang Suppliers &amp; Projects</t>
  </si>
  <si>
    <t>AEE Logix (Pty) Ltd</t>
  </si>
  <si>
    <t>Interface Network Technology (Pty) Ltd</t>
  </si>
  <si>
    <t>Mubvumo Projects</t>
  </si>
  <si>
    <t>MPGR Solution Eng. t/a Invoke Infrastructure</t>
  </si>
  <si>
    <t>Black Bullet Services</t>
  </si>
  <si>
    <t>Xsemble (Pty) Ltd</t>
  </si>
  <si>
    <t>Matla Africa Electrical (Pty) Ltd</t>
  </si>
  <si>
    <t>Changa Energy (Pty) Ltd</t>
  </si>
  <si>
    <t>Specialised Battery Systems</t>
  </si>
  <si>
    <t>Golden Touch Trading</t>
  </si>
  <si>
    <t>Kgobisa-Ceracure JV</t>
  </si>
  <si>
    <t>Soco Energy</t>
  </si>
  <si>
    <t>Ndoukhulu Hydraulic &amp; Minning Supplier (Pty) Ltd</t>
  </si>
  <si>
    <t>Afrirent Energy (Pty) Ltd</t>
  </si>
  <si>
    <t>One Connect Solution (Pty) Ltd</t>
  </si>
  <si>
    <t>Kura Bahati Consulting Service</t>
  </si>
  <si>
    <t>MT&amp;A Enginering (Pty) Ltd</t>
  </si>
  <si>
    <t>Johnbak Solutions</t>
  </si>
  <si>
    <t>E-MultiConstruction &amp; Electricity cc</t>
  </si>
  <si>
    <t>Radebe Infrastructure (Pty) Ltd</t>
  </si>
  <si>
    <t>ARB Electrical Wholesalers (Pty) Ltd</t>
  </si>
  <si>
    <t>Sydwalt (Pty) Ltd</t>
  </si>
  <si>
    <t>Bilionetworks (Pty) Ltd</t>
  </si>
  <si>
    <t>Mahcon (Pty) Ltd</t>
  </si>
  <si>
    <t>Omega Technology Group (Pty) Ltd</t>
  </si>
  <si>
    <t>Rosslyn Electrical Manufacturers (Pty) Ltd</t>
  </si>
  <si>
    <t>Integrim Enviromental Solutions</t>
  </si>
  <si>
    <t>Elroi Trading Enterprises cc</t>
  </si>
  <si>
    <t>*No Name on Bid Document*</t>
  </si>
  <si>
    <t>TOURVEST TRAVEL SERVICES, A DIVISION OF TOURVEST HOLDINGS (PTY) LTD</t>
  </si>
  <si>
    <t>RFP 15/2023</t>
  </si>
  <si>
    <t>Appointment of a Panel of Service Providers for the Provision of Events Management Services.</t>
  </si>
  <si>
    <t>MUMATE TRADING ENTERPRISES (PTY) LTD</t>
  </si>
  <si>
    <t>LABI NOVATION HOLDINGS (PTY) LTD</t>
  </si>
  <si>
    <t>LAUNCHIT GLOBAL</t>
  </si>
  <si>
    <t>PIXYKORNER STUDIO</t>
  </si>
  <si>
    <t>GARONA COMMUNICATIONS AND PROJECTS</t>
  </si>
  <si>
    <t>BE-SURE EVENTS SOLUTIONS (PTY) LTD</t>
  </si>
  <si>
    <t>RFP16/2023</t>
  </si>
  <si>
    <t>RFP18/2023</t>
  </si>
  <si>
    <t>Appointment of a Service Provider for the provision of events management services for ATAF and BRICS Events</t>
  </si>
  <si>
    <t>Appointment of a 5SF or higher (CIDB Grade) Service Provider for the Installation of Fire-Detection and 
Protection Equipment at Le Hae SARS.</t>
  </si>
  <si>
    <t>FS SYSTEMS (PTY) LTD</t>
  </si>
  <si>
    <t>FIRE CHECK (PTY) LTD</t>
  </si>
  <si>
    <t>TRUE MOTIVES 1038 T/A KGT ENTERPRISES</t>
  </si>
  <si>
    <t>TRANSFIRE (PTY) LTD</t>
  </si>
  <si>
    <t>NEXTTEC SECURITY &amp; BUILDING TECHNOLOGY (PTY) LTD</t>
  </si>
  <si>
    <t>CASSIDY SOLUTIONS</t>
  </si>
  <si>
    <t>ISF SFP (PTY) LTD</t>
  </si>
  <si>
    <t>Appointment of a Service Provider for the Provision of the Supply of Maintenance &amp; Support of Smart Bear Test Complete Testing Tool</t>
  </si>
  <si>
    <t>RFP23/2023</t>
  </si>
  <si>
    <t>Multi Racial Information Systems</t>
  </si>
  <si>
    <t>DECISIONEERING (PTY) LTD/ ULTIPA</t>
  </si>
  <si>
    <t>RFP26/2023</t>
  </si>
  <si>
    <t>VISIONWAVE</t>
  </si>
  <si>
    <t>RFP22/2023</t>
  </si>
  <si>
    <t>Appointment for a Panel of Service Providers for Supply, Maintain and Support of Non-Intrusive 
Inspection Scanning and Detection Solutions.</t>
  </si>
  <si>
    <t>Dynamics 365 on Behalf of the Office of the Tax Ombud.</t>
  </si>
  <si>
    <t>HISSCO (PTY) LTD</t>
  </si>
  <si>
    <t>NUCTECH SOUTH AFRICA (PTY) LTD</t>
  </si>
  <si>
    <t>HAB FIRE AND SECURITY (PTY) LTD</t>
  </si>
  <si>
    <t>XSCANN TECHNOLOGIES (PTY) LTD</t>
  </si>
  <si>
    <t>RFP31/2023</t>
  </si>
  <si>
    <t>Armed Response Security and Alarm Monitoring Services Regions B &amp; D</t>
  </si>
  <si>
    <t>TSHEDZA PROTECTIVE SERVICES CC</t>
  </si>
  <si>
    <t>GUBIS 85 SOLUTIONS (PTY) LTD</t>
  </si>
  <si>
    <t>PHOLILE BUSINESS SECURITY SERVICES</t>
  </si>
  <si>
    <t>FIDILITY ADT AND TECHNICAL</t>
  </si>
  <si>
    <t>RFP24/2023</t>
  </si>
  <si>
    <t>Appointment for a Panel of Service Providers for Customs Unit with Detector Dog Equipment and Marine Equipment.</t>
  </si>
  <si>
    <t>BANTU BATHO MANAGEMENT SERVICES</t>
  </si>
  <si>
    <t>RFP25/2023</t>
  </si>
  <si>
    <t>Provision of Medical Surveillance, Immunization and Related Services.</t>
  </si>
  <si>
    <t>BOPHELO OCCUPATIONAL HEALTHCARE</t>
  </si>
  <si>
    <t>INTEGRATED OCCUPATIONAL HEALTH SERVICES (PTY) LTD</t>
  </si>
  <si>
    <t>HEALTHFIT (PTY) LTD</t>
  </si>
  <si>
    <t>RFP30/2023</t>
  </si>
  <si>
    <t>Appointment of a Service Provider for the Provision of Digital Forensics Review Platform Software Solution.</t>
  </si>
  <si>
    <t>RISK DIVERSION DIGITAL (PTY) LTD</t>
  </si>
  <si>
    <t>CYANRE THE DIGITAL FORENSIC LAB</t>
  </si>
  <si>
    <t>FACTS CONSULTING SA</t>
  </si>
  <si>
    <t>RFP32/2023</t>
  </si>
  <si>
    <t xml:space="preserve">Appointment of a Service Provider for aPanal for the Destruction and Disposal of Non-Compliant 
Goods for the Period of Five (5) Years </t>
  </si>
  <si>
    <t>CLEAN DOT WASTE</t>
  </si>
  <si>
    <t>MBDZY TRADING AND GENERAL SUPPLY</t>
  </si>
  <si>
    <t>PS HYDRO SOLUTIONS (PTY) LTD</t>
  </si>
  <si>
    <t>THE RECLAMATION GROUP (PTY) LTD</t>
  </si>
  <si>
    <t>NQUBEKO SAFETY CONSULTANTS</t>
  </si>
  <si>
    <t>GLA SWEEP CLEAN</t>
  </si>
  <si>
    <t>BRAND GUARD (PTY) LTD</t>
  </si>
  <si>
    <t>A-TERMAL RETORT TECHNOLOGIES</t>
  </si>
  <si>
    <t>DOLPHIN COAST LANDFILL MANAGEMENT (PTY) LTD</t>
  </si>
  <si>
    <t>BERVELY HILLS CONSTRUCTION AND PROJECTS</t>
  </si>
  <si>
    <t>MITSIPA GENERAL TRADING</t>
  </si>
  <si>
    <t>WASTE CARRIERS (PTY) LTD</t>
  </si>
  <si>
    <t>MKHONDOLO MEDICAL WASTE SERVICES</t>
  </si>
  <si>
    <t>MUTHALA TRANSPORT SERVICES (PTY) LTD</t>
  </si>
  <si>
    <t xml:space="preserve">ONELLE SOLUTIONS </t>
  </si>
  <si>
    <t>EVANTO GROUP (PTY) LTD</t>
  </si>
  <si>
    <t>RFP28/2023</t>
  </si>
  <si>
    <t xml:space="preserve">Procurement of Suitable Dogs to be Trained as Detector Dogs Through Panal of Suppliers for a Period of Five (5) Years </t>
  </si>
  <si>
    <t>SANAI ENTERPRISES (PTY) LTD</t>
  </si>
  <si>
    <t>VON THUNDERBOLT BREEDERS</t>
  </si>
  <si>
    <t>BCI PROTECTION SERVICES (PTY) LTD</t>
  </si>
  <si>
    <t>KALSEL HOLDINGS (PTY) LTD</t>
  </si>
  <si>
    <t>RFP17/2023</t>
  </si>
  <si>
    <t>Employee Concierge Programme</t>
  </si>
  <si>
    <t>PLP GROU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8"/>
      <name val="Calibri"/>
      <family val="2"/>
      <scheme val="minor"/>
    </font>
    <font>
      <b/>
      <sz val="12"/>
      <name val="Arial"/>
      <family val="2"/>
    </font>
    <font>
      <sz val="12"/>
      <color theme="1"/>
      <name val="Calibri"/>
      <family val="2"/>
      <scheme val="minor"/>
    </font>
    <font>
      <sz val="7"/>
      <color theme="1"/>
      <name val="Times New Roman"/>
      <family val="1"/>
    </font>
    <font>
      <vertAlign val="superscript"/>
      <sz val="11"/>
      <color theme="1"/>
      <name val="Calibri"/>
      <family val="2"/>
      <scheme val="minor"/>
    </font>
    <font>
      <b/>
      <sz val="11"/>
      <color rgb="FF1F497D"/>
      <name val="Calibri"/>
      <family val="2"/>
      <scheme val="minor"/>
    </font>
    <font>
      <b/>
      <sz val="11"/>
      <name val="Calibri"/>
      <family val="2"/>
      <scheme val="minor"/>
    </font>
    <font>
      <sz val="10"/>
      <name val="Arial Narrow"/>
      <family val="2"/>
    </font>
    <font>
      <sz val="11"/>
      <name val="Calibri"/>
      <family val="2"/>
    </font>
    <font>
      <sz val="12"/>
      <name val="Calibri"/>
      <family val="2"/>
    </font>
    <font>
      <b/>
      <sz val="14"/>
      <name val="Calibri"/>
      <family val="2"/>
      <scheme val="minor"/>
    </font>
    <font>
      <b/>
      <sz val="11"/>
      <color rgb="FF000000"/>
      <name val="Calibri"/>
      <family val="2"/>
    </font>
    <font>
      <sz val="11"/>
      <color rgb="FF000000"/>
      <name val="Calibri"/>
      <family val="2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4" tint="0.59999389629810485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rgb="FF000000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478">
    <xf numFmtId="0" fontId="0" fillId="0" borderId="0" xfId="0"/>
    <xf numFmtId="0" fontId="0" fillId="0" borderId="4" xfId="0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2" xfId="0" applyBorder="1"/>
    <xf numFmtId="0" fontId="0" fillId="0" borderId="4" xfId="0" applyBorder="1"/>
    <xf numFmtId="0" fontId="0" fillId="0" borderId="14" xfId="0" applyBorder="1"/>
    <xf numFmtId="0" fontId="0" fillId="0" borderId="15" xfId="0" applyBorder="1"/>
    <xf numFmtId="0" fontId="0" fillId="0" borderId="27" xfId="0" applyBorder="1"/>
    <xf numFmtId="0" fontId="0" fillId="0" borderId="12" xfId="0" applyBorder="1"/>
    <xf numFmtId="0" fontId="1" fillId="0" borderId="28" xfId="0" applyFont="1" applyBorder="1"/>
    <xf numFmtId="0" fontId="0" fillId="0" borderId="29" xfId="0" applyBorder="1"/>
    <xf numFmtId="0" fontId="0" fillId="0" borderId="30" xfId="0" applyBorder="1"/>
    <xf numFmtId="0" fontId="0" fillId="0" borderId="13" xfId="0" applyBorder="1"/>
    <xf numFmtId="0" fontId="0" fillId="0" borderId="11" xfId="0" applyBorder="1"/>
    <xf numFmtId="0" fontId="1" fillId="0" borderId="14" xfId="0" applyFont="1" applyBorder="1"/>
    <xf numFmtId="0" fontId="0" fillId="0" borderId="33" xfId="0" applyBorder="1"/>
    <xf numFmtId="0" fontId="0" fillId="0" borderId="28" xfId="0" applyBorder="1"/>
    <xf numFmtId="0" fontId="0" fillId="0" borderId="8" xfId="0" applyBorder="1"/>
    <xf numFmtId="0" fontId="1" fillId="0" borderId="29" xfId="0" applyFont="1" applyBorder="1"/>
    <xf numFmtId="0" fontId="0" fillId="0" borderId="18" xfId="0" applyBorder="1"/>
    <xf numFmtId="0" fontId="1" fillId="0" borderId="18" xfId="0" applyFont="1" applyBorder="1"/>
    <xf numFmtId="0" fontId="0" fillId="0" borderId="5" xfId="0" applyBorder="1"/>
    <xf numFmtId="0" fontId="0" fillId="0" borderId="6" xfId="0" applyBorder="1"/>
    <xf numFmtId="0" fontId="0" fillId="0" borderId="38" xfId="0" applyBorder="1"/>
    <xf numFmtId="0" fontId="0" fillId="0" borderId="13" xfId="0" applyBorder="1" applyAlignment="1">
      <alignment horizontal="left"/>
    </xf>
    <xf numFmtId="0" fontId="0" fillId="0" borderId="14" xfId="0" applyBorder="1" applyAlignment="1">
      <alignment horizontal="left"/>
    </xf>
    <xf numFmtId="0" fontId="0" fillId="0" borderId="15" xfId="0" applyBorder="1" applyAlignment="1">
      <alignment horizontal="left"/>
    </xf>
    <xf numFmtId="0" fontId="1" fillId="0" borderId="30" xfId="0" applyFont="1" applyBorder="1"/>
    <xf numFmtId="0" fontId="0" fillId="0" borderId="27" xfId="0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34" xfId="0" applyBorder="1"/>
    <xf numFmtId="0" fontId="0" fillId="0" borderId="16" xfId="0" applyBorder="1"/>
    <xf numFmtId="0" fontId="0" fillId="0" borderId="32" xfId="0" applyBorder="1"/>
    <xf numFmtId="0" fontId="0" fillId="0" borderId="29" xfId="0" applyBorder="1" applyAlignment="1">
      <alignment horizontal="center"/>
    </xf>
    <xf numFmtId="0" fontId="0" fillId="0" borderId="54" xfId="0" applyBorder="1"/>
    <xf numFmtId="0" fontId="1" fillId="0" borderId="26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1" fillId="0" borderId="0" xfId="0" applyFont="1"/>
    <xf numFmtId="0" fontId="0" fillId="0" borderId="58" xfId="0" applyBorder="1"/>
    <xf numFmtId="0" fontId="1" fillId="0" borderId="30" xfId="0" applyFont="1" applyBorder="1" applyAlignment="1">
      <alignment horizontal="left"/>
    </xf>
    <xf numFmtId="0" fontId="0" fillId="0" borderId="57" xfId="0" applyBorder="1"/>
    <xf numFmtId="0" fontId="0" fillId="0" borderId="59" xfId="0" applyBorder="1"/>
    <xf numFmtId="0" fontId="0" fillId="0" borderId="60" xfId="0" applyBorder="1"/>
    <xf numFmtId="0" fontId="0" fillId="0" borderId="38" xfId="0" applyBorder="1" applyAlignment="1">
      <alignment horizontal="left"/>
    </xf>
    <xf numFmtId="0" fontId="0" fillId="0" borderId="61" xfId="0" applyBorder="1"/>
    <xf numFmtId="0" fontId="0" fillId="0" borderId="0" xfId="0" applyAlignment="1">
      <alignment horizontal="left"/>
    </xf>
    <xf numFmtId="0" fontId="0" fillId="0" borderId="32" xfId="0" applyBorder="1" applyAlignment="1">
      <alignment horizontal="left"/>
    </xf>
    <xf numFmtId="0" fontId="2" fillId="2" borderId="14" xfId="0" applyFont="1" applyFill="1" applyBorder="1" applyAlignment="1">
      <alignment vertical="center" wrapText="1"/>
    </xf>
    <xf numFmtId="0" fontId="0" fillId="0" borderId="2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2" fillId="2" borderId="19" xfId="0" applyFont="1" applyFill="1" applyBorder="1" applyAlignment="1">
      <alignment vertical="center"/>
    </xf>
    <xf numFmtId="0" fontId="2" fillId="2" borderId="20" xfId="0" applyFont="1" applyFill="1" applyBorder="1" applyAlignment="1">
      <alignment vertical="center"/>
    </xf>
    <xf numFmtId="0" fontId="2" fillId="2" borderId="21" xfId="0" applyFont="1" applyFill="1" applyBorder="1" applyAlignment="1">
      <alignment vertical="center"/>
    </xf>
    <xf numFmtId="0" fontId="2" fillId="2" borderId="16" xfId="0" applyFont="1" applyFill="1" applyBorder="1" applyAlignment="1">
      <alignment vertical="center"/>
    </xf>
    <xf numFmtId="0" fontId="2" fillId="2" borderId="2" xfId="0" applyFont="1" applyFill="1" applyBorder="1" applyAlignment="1">
      <alignment vertical="center"/>
    </xf>
    <xf numFmtId="0" fontId="2" fillId="2" borderId="4" xfId="0" applyFont="1" applyFill="1" applyBorder="1" applyAlignment="1">
      <alignment vertical="center"/>
    </xf>
    <xf numFmtId="0" fontId="0" fillId="0" borderId="0" xfId="0" applyAlignment="1">
      <alignment horizontal="center"/>
    </xf>
    <xf numFmtId="0" fontId="0" fillId="0" borderId="62" xfId="0" applyBorder="1"/>
    <xf numFmtId="0" fontId="0" fillId="0" borderId="60" xfId="0" applyBorder="1" applyAlignment="1">
      <alignment horizontal="left"/>
    </xf>
    <xf numFmtId="0" fontId="0" fillId="0" borderId="28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30" xfId="0" applyBorder="1" applyAlignment="1">
      <alignment horizontal="center"/>
    </xf>
    <xf numFmtId="0" fontId="0" fillId="0" borderId="0" xfId="0" applyAlignment="1">
      <alignment horizontal="left" vertical="center"/>
    </xf>
    <xf numFmtId="0" fontId="0" fillId="0" borderId="26" xfId="0" applyBorder="1" applyAlignment="1">
      <alignment horizontal="left" vertical="center"/>
    </xf>
    <xf numFmtId="0" fontId="0" fillId="0" borderId="1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0" borderId="0" xfId="0" applyAlignment="1">
      <alignment wrapText="1"/>
    </xf>
    <xf numFmtId="0" fontId="0" fillId="0" borderId="19" xfId="0" applyBorder="1"/>
    <xf numFmtId="0" fontId="0" fillId="0" borderId="65" xfId="0" applyBorder="1"/>
    <xf numFmtId="0" fontId="0" fillId="2" borderId="13" xfId="0" applyFill="1" applyBorder="1"/>
    <xf numFmtId="0" fontId="0" fillId="2" borderId="0" xfId="0" applyFill="1"/>
    <xf numFmtId="0" fontId="0" fillId="2" borderId="27" xfId="0" applyFill="1" applyBorder="1"/>
    <xf numFmtId="0" fontId="0" fillId="2" borderId="61" xfId="0" applyFill="1" applyBorder="1"/>
    <xf numFmtId="0" fontId="0" fillId="2" borderId="14" xfId="0" applyFill="1" applyBorder="1"/>
    <xf numFmtId="0" fontId="0" fillId="2" borderId="58" xfId="0" applyFill="1" applyBorder="1"/>
    <xf numFmtId="0" fontId="0" fillId="0" borderId="67" xfId="0" applyBorder="1"/>
    <xf numFmtId="0" fontId="3" fillId="0" borderId="0" xfId="0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2" fillId="0" borderId="0" xfId="0" applyFont="1"/>
    <xf numFmtId="0" fontId="2" fillId="0" borderId="33" xfId="0" applyFont="1" applyBorder="1"/>
    <xf numFmtId="0" fontId="2" fillId="0" borderId="61" xfId="0" applyFont="1" applyBorder="1"/>
    <xf numFmtId="0" fontId="2" fillId="0" borderId="58" xfId="0" applyFont="1" applyBorder="1"/>
    <xf numFmtId="0" fontId="2" fillId="0" borderId="13" xfId="0" applyFont="1" applyBorder="1" applyAlignment="1">
      <alignment horizontal="left"/>
    </xf>
    <xf numFmtId="0" fontId="2" fillId="0" borderId="14" xfId="0" applyFont="1" applyBorder="1" applyAlignment="1">
      <alignment horizontal="left"/>
    </xf>
    <xf numFmtId="0" fontId="2" fillId="0" borderId="15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2" fillId="0" borderId="32" xfId="0" applyFont="1" applyBorder="1"/>
    <xf numFmtId="0" fontId="2" fillId="0" borderId="16" xfId="0" applyFont="1" applyBorder="1"/>
    <xf numFmtId="0" fontId="2" fillId="0" borderId="38" xfId="0" applyFont="1" applyBorder="1"/>
    <xf numFmtId="0" fontId="2" fillId="0" borderId="18" xfId="0" applyFont="1" applyBorder="1" applyAlignment="1">
      <alignment horizontal="left"/>
    </xf>
    <xf numFmtId="0" fontId="2" fillId="0" borderId="26" xfId="0" applyFont="1" applyBorder="1" applyAlignment="1">
      <alignment horizontal="left" wrapText="1"/>
    </xf>
    <xf numFmtId="0" fontId="2" fillId="0" borderId="65" xfId="0" applyFont="1" applyBorder="1"/>
    <xf numFmtId="0" fontId="2" fillId="0" borderId="67" xfId="0" applyFont="1" applyBorder="1"/>
    <xf numFmtId="0" fontId="2" fillId="0" borderId="0" xfId="0" applyFont="1" applyAlignment="1">
      <alignment horizontal="left" vertical="center"/>
    </xf>
    <xf numFmtId="0" fontId="2" fillId="0" borderId="46" xfId="0" applyFont="1" applyBorder="1"/>
    <xf numFmtId="0" fontId="2" fillId="0" borderId="41" xfId="0" applyFont="1" applyBorder="1" applyAlignment="1">
      <alignment horizontal="left"/>
    </xf>
    <xf numFmtId="0" fontId="2" fillId="0" borderId="22" xfId="0" applyFont="1" applyBorder="1"/>
    <xf numFmtId="0" fontId="2" fillId="0" borderId="42" xfId="0" applyFont="1" applyBorder="1" applyAlignment="1">
      <alignment horizontal="left"/>
    </xf>
    <xf numFmtId="0" fontId="2" fillId="0" borderId="23" xfId="0" applyFont="1" applyBorder="1"/>
    <xf numFmtId="0" fontId="2" fillId="0" borderId="45" xfId="0" applyFont="1" applyBorder="1" applyAlignment="1">
      <alignment horizontal="left"/>
    </xf>
    <xf numFmtId="0" fontId="2" fillId="0" borderId="41" xfId="0" applyFont="1" applyBorder="1"/>
    <xf numFmtId="0" fontId="2" fillId="0" borderId="42" xfId="0" applyFont="1" applyBorder="1"/>
    <xf numFmtId="0" fontId="2" fillId="0" borderId="45" xfId="0" applyFont="1" applyBorder="1"/>
    <xf numFmtId="0" fontId="4" fillId="0" borderId="0" xfId="0" applyFont="1"/>
    <xf numFmtId="0" fontId="2" fillId="0" borderId="54" xfId="0" applyFont="1" applyBorder="1"/>
    <xf numFmtId="0" fontId="2" fillId="0" borderId="53" xfId="0" applyFont="1" applyBorder="1"/>
    <xf numFmtId="0" fontId="2" fillId="0" borderId="26" xfId="0" applyFont="1" applyBorder="1"/>
    <xf numFmtId="0" fontId="2" fillId="0" borderId="62" xfId="0" applyFont="1" applyBorder="1"/>
    <xf numFmtId="0" fontId="2" fillId="0" borderId="57" xfId="0" applyFont="1" applyBorder="1"/>
    <xf numFmtId="0" fontId="2" fillId="0" borderId="62" xfId="0" applyFont="1" applyBorder="1" applyAlignment="1">
      <alignment wrapText="1"/>
    </xf>
    <xf numFmtId="0" fontId="2" fillId="0" borderId="63" xfId="0" applyFont="1" applyBorder="1"/>
    <xf numFmtId="0" fontId="2" fillId="0" borderId="49" xfId="0" applyFont="1" applyBorder="1"/>
    <xf numFmtId="0" fontId="2" fillId="0" borderId="7" xfId="0" applyFont="1" applyBorder="1"/>
    <xf numFmtId="0" fontId="2" fillId="0" borderId="68" xfId="0" applyFont="1" applyBorder="1"/>
    <xf numFmtId="0" fontId="2" fillId="0" borderId="1" xfId="0" applyFont="1" applyBorder="1"/>
    <xf numFmtId="0" fontId="2" fillId="0" borderId="1" xfId="0" applyFont="1" applyBorder="1" applyAlignment="1">
      <alignment wrapText="1"/>
    </xf>
    <xf numFmtId="0" fontId="5" fillId="0" borderId="1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2" fillId="0" borderId="1" xfId="0" applyFont="1" applyBorder="1" applyAlignment="1">
      <alignment horizontal="left" wrapText="1"/>
    </xf>
    <xf numFmtId="0" fontId="2" fillId="0" borderId="1" xfId="0" applyFont="1" applyBorder="1" applyAlignment="1">
      <alignment horizontal="left"/>
    </xf>
    <xf numFmtId="0" fontId="2" fillId="0" borderId="0" xfId="0" applyFont="1" applyAlignment="1">
      <alignment horizontal="left" wrapText="1"/>
    </xf>
    <xf numFmtId="0" fontId="2" fillId="0" borderId="7" xfId="0" applyFont="1" applyBorder="1" applyAlignment="1">
      <alignment horizontal="left" wrapText="1"/>
    </xf>
    <xf numFmtId="0" fontId="0" fillId="0" borderId="1" xfId="0" applyBorder="1" applyAlignment="1">
      <alignment horizontal="left" vertical="center" indent="5"/>
    </xf>
    <xf numFmtId="0" fontId="0" fillId="0" borderId="1" xfId="0" applyBorder="1" applyAlignment="1">
      <alignment horizontal="left" vertical="center" wrapText="1" indent="5"/>
    </xf>
    <xf numFmtId="0" fontId="0" fillId="0" borderId="7" xfId="0" applyBorder="1" applyAlignment="1">
      <alignment horizontal="left" vertical="center" wrapText="1" indent="5"/>
    </xf>
    <xf numFmtId="0" fontId="1" fillId="0" borderId="0" xfId="0" applyFont="1" applyAlignment="1">
      <alignment wrapText="1"/>
    </xf>
    <xf numFmtId="0" fontId="9" fillId="0" borderId="45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2" fillId="0" borderId="7" xfId="0" applyFont="1" applyBorder="1" applyAlignment="1">
      <alignment horizontal="center" wrapText="1"/>
    </xf>
    <xf numFmtId="0" fontId="0" fillId="0" borderId="7" xfId="0" applyBorder="1"/>
    <xf numFmtId="0" fontId="10" fillId="2" borderId="1" xfId="0" applyFont="1" applyFill="1" applyBorder="1" applyAlignment="1">
      <alignment vertical="center" wrapText="1"/>
    </xf>
    <xf numFmtId="0" fontId="10" fillId="2" borderId="7" xfId="0" applyFont="1" applyFill="1" applyBorder="1" applyAlignment="1">
      <alignment vertical="center" wrapText="1"/>
    </xf>
    <xf numFmtId="0" fontId="0" fillId="0" borderId="1" xfId="0" applyBorder="1"/>
    <xf numFmtId="0" fontId="2" fillId="0" borderId="23" xfId="0" applyFont="1" applyBorder="1" applyAlignment="1">
      <alignment wrapText="1"/>
    </xf>
    <xf numFmtId="0" fontId="1" fillId="0" borderId="45" xfId="0" applyFont="1" applyBorder="1" applyAlignment="1">
      <alignment wrapText="1"/>
    </xf>
    <xf numFmtId="0" fontId="11" fillId="0" borderId="1" xfId="0" applyFont="1" applyBorder="1" applyAlignment="1">
      <alignment wrapText="1"/>
    </xf>
    <xf numFmtId="0" fontId="11" fillId="0" borderId="7" xfId="0" applyFont="1" applyBorder="1" applyAlignment="1">
      <alignment wrapText="1"/>
    </xf>
    <xf numFmtId="0" fontId="9" fillId="0" borderId="45" xfId="0" applyFont="1" applyBorder="1" applyAlignment="1">
      <alignment horizontal="center" wrapText="1"/>
    </xf>
    <xf numFmtId="0" fontId="9" fillId="0" borderId="23" xfId="0" applyFont="1" applyBorder="1"/>
    <xf numFmtId="0" fontId="15" fillId="0" borderId="65" xfId="0" applyFont="1" applyBorder="1" applyAlignment="1">
      <alignment vertical="center"/>
    </xf>
    <xf numFmtId="0" fontId="15" fillId="0" borderId="24" xfId="0" applyFont="1" applyBorder="1" applyAlignment="1">
      <alignment vertical="center"/>
    </xf>
    <xf numFmtId="0" fontId="15" fillId="0" borderId="63" xfId="0" applyFont="1" applyBorder="1" applyAlignment="1">
      <alignment horizontal="left" vertical="center"/>
    </xf>
    <xf numFmtId="0" fontId="15" fillId="0" borderId="59" xfId="0" applyFont="1" applyBorder="1" applyAlignment="1">
      <alignment horizontal="left" vertical="center"/>
    </xf>
    <xf numFmtId="0" fontId="15" fillId="0" borderId="67" xfId="0" applyFont="1" applyBorder="1" applyAlignment="1">
      <alignment vertical="center"/>
    </xf>
    <xf numFmtId="0" fontId="0" fillId="0" borderId="46" xfId="0" applyBorder="1"/>
    <xf numFmtId="0" fontId="0" fillId="0" borderId="23" xfId="0" applyBorder="1"/>
    <xf numFmtId="0" fontId="15" fillId="0" borderId="16" xfId="0" applyFont="1" applyBorder="1" applyAlignment="1">
      <alignment horizontal="left" vertical="center"/>
    </xf>
    <xf numFmtId="0" fontId="15" fillId="0" borderId="4" xfId="0" applyFont="1" applyBorder="1" applyAlignment="1">
      <alignment horizontal="left" vertical="center"/>
    </xf>
    <xf numFmtId="0" fontId="15" fillId="0" borderId="12" xfId="0" applyFont="1" applyBorder="1" applyAlignment="1">
      <alignment horizontal="left" vertical="center"/>
    </xf>
    <xf numFmtId="0" fontId="0" fillId="0" borderId="64" xfId="0" applyBorder="1"/>
    <xf numFmtId="0" fontId="15" fillId="0" borderId="33" xfId="0" applyFont="1" applyBorder="1" applyAlignment="1">
      <alignment vertical="center"/>
    </xf>
    <xf numFmtId="0" fontId="15" fillId="0" borderId="61" xfId="0" applyFont="1" applyBorder="1" applyAlignment="1">
      <alignment vertical="center"/>
    </xf>
    <xf numFmtId="0" fontId="15" fillId="0" borderId="32" xfId="0" applyFont="1" applyBorder="1" applyAlignment="1">
      <alignment horizontal="left" vertical="center"/>
    </xf>
    <xf numFmtId="0" fontId="15" fillId="0" borderId="32" xfId="0" applyFont="1" applyBorder="1" applyAlignment="1">
      <alignment horizontal="left" vertical="center" wrapText="1"/>
    </xf>
    <xf numFmtId="0" fontId="15" fillId="0" borderId="28" xfId="0" applyFont="1" applyBorder="1" applyAlignment="1">
      <alignment vertical="center"/>
    </xf>
    <xf numFmtId="0" fontId="14" fillId="0" borderId="33" xfId="0" applyFont="1" applyBorder="1" applyAlignment="1">
      <alignment horizontal="center" vertical="center" wrapText="1"/>
    </xf>
    <xf numFmtId="0" fontId="15" fillId="0" borderId="58" xfId="0" applyFont="1" applyBorder="1" applyAlignment="1">
      <alignment vertical="center"/>
    </xf>
    <xf numFmtId="0" fontId="0" fillId="0" borderId="40" xfId="0" applyBorder="1"/>
    <xf numFmtId="0" fontId="0" fillId="0" borderId="41" xfId="0" applyBorder="1"/>
    <xf numFmtId="0" fontId="0" fillId="0" borderId="22" xfId="0" applyBorder="1"/>
    <xf numFmtId="0" fontId="0" fillId="0" borderId="42" xfId="0" applyBorder="1"/>
    <xf numFmtId="0" fontId="0" fillId="0" borderId="44" xfId="0" applyBorder="1"/>
    <xf numFmtId="0" fontId="0" fillId="0" borderId="45" xfId="0" applyBorder="1"/>
    <xf numFmtId="0" fontId="0" fillId="0" borderId="50" xfId="0" applyBorder="1"/>
    <xf numFmtId="0" fontId="0" fillId="0" borderId="49" xfId="0" applyBorder="1"/>
    <xf numFmtId="0" fontId="0" fillId="0" borderId="9" xfId="0" applyBorder="1"/>
    <xf numFmtId="0" fontId="0" fillId="0" borderId="10" xfId="0" applyBorder="1"/>
    <xf numFmtId="0" fontId="1" fillId="0" borderId="28" xfId="0" applyFont="1" applyBorder="1" applyAlignment="1">
      <alignment horizontal="center" wrapText="1"/>
    </xf>
    <xf numFmtId="0" fontId="1" fillId="0" borderId="29" xfId="0" applyFont="1" applyBorder="1" applyAlignment="1">
      <alignment horizontal="center" wrapText="1"/>
    </xf>
    <xf numFmtId="0" fontId="1" fillId="0" borderId="30" xfId="0" applyFont="1" applyBorder="1" applyAlignment="1">
      <alignment horizontal="center" wrapText="1"/>
    </xf>
    <xf numFmtId="0" fontId="1" fillId="0" borderId="28" xfId="0" applyFont="1" applyBorder="1" applyAlignment="1">
      <alignment horizontal="center"/>
    </xf>
    <xf numFmtId="0" fontId="1" fillId="0" borderId="29" xfId="0" applyFont="1" applyBorder="1" applyAlignment="1">
      <alignment horizontal="center"/>
    </xf>
    <xf numFmtId="0" fontId="1" fillId="0" borderId="30" xfId="0" applyFont="1" applyBorder="1" applyAlignment="1">
      <alignment horizontal="center"/>
    </xf>
    <xf numFmtId="0" fontId="1" fillId="0" borderId="28" xfId="0" applyFont="1" applyBorder="1" applyAlignment="1">
      <alignment horizontal="left"/>
    </xf>
    <xf numFmtId="0" fontId="1" fillId="0" borderId="29" xfId="0" applyFont="1" applyBorder="1" applyAlignment="1">
      <alignment horizontal="left"/>
    </xf>
    <xf numFmtId="0" fontId="1" fillId="0" borderId="30" xfId="0" applyFont="1" applyBorder="1" applyAlignment="1">
      <alignment horizontal="left"/>
    </xf>
    <xf numFmtId="0" fontId="0" fillId="0" borderId="16" xfId="0" applyBorder="1" applyAlignment="1">
      <alignment horizontal="left"/>
    </xf>
    <xf numFmtId="0" fontId="0" fillId="0" borderId="2" xfId="0" applyBorder="1" applyAlignment="1">
      <alignment horizontal="left"/>
    </xf>
    <xf numFmtId="0" fontId="0" fillId="0" borderId="4" xfId="0" applyBorder="1" applyAlignment="1">
      <alignment horizontal="left"/>
    </xf>
    <xf numFmtId="0" fontId="0" fillId="0" borderId="19" xfId="0" applyBorder="1" applyAlignment="1">
      <alignment horizontal="left"/>
    </xf>
    <xf numFmtId="0" fontId="0" fillId="0" borderId="20" xfId="0" applyBorder="1" applyAlignment="1">
      <alignment horizontal="left"/>
    </xf>
    <xf numFmtId="0" fontId="0" fillId="0" borderId="21" xfId="0" applyBorder="1" applyAlignment="1">
      <alignment horizontal="left"/>
    </xf>
    <xf numFmtId="0" fontId="0" fillId="0" borderId="3" xfId="0" applyBorder="1" applyAlignment="1">
      <alignment horizontal="left"/>
    </xf>
    <xf numFmtId="0" fontId="0" fillId="0" borderId="1" xfId="0" applyBorder="1" applyAlignment="1">
      <alignment horizontal="left"/>
    </xf>
    <xf numFmtId="0" fontId="0" fillId="0" borderId="42" xfId="0" applyBorder="1" applyAlignment="1">
      <alignment horizontal="left"/>
    </xf>
    <xf numFmtId="0" fontId="0" fillId="0" borderId="43" xfId="0" applyBorder="1" applyAlignment="1">
      <alignment horizontal="left"/>
    </xf>
    <xf numFmtId="0" fontId="0" fillId="0" borderId="44" xfId="0" applyBorder="1" applyAlignment="1">
      <alignment horizontal="left"/>
    </xf>
    <xf numFmtId="0" fontId="0" fillId="0" borderId="45" xfId="0" applyBorder="1" applyAlignment="1">
      <alignment horizontal="left"/>
    </xf>
    <xf numFmtId="0" fontId="0" fillId="0" borderId="22" xfId="0" applyBorder="1" applyAlignment="1">
      <alignment horizontal="left"/>
    </xf>
    <xf numFmtId="0" fontId="0" fillId="0" borderId="31" xfId="0" applyBorder="1" applyAlignment="1">
      <alignment horizontal="left"/>
    </xf>
    <xf numFmtId="0" fontId="0" fillId="0" borderId="7" xfId="0" applyBorder="1" applyAlignment="1">
      <alignment horizontal="left"/>
    </xf>
    <xf numFmtId="0" fontId="0" fillId="0" borderId="50" xfId="0" applyBorder="1" applyAlignment="1">
      <alignment horizontal="left"/>
    </xf>
    <xf numFmtId="0" fontId="0" fillId="0" borderId="39" xfId="0" applyBorder="1" applyAlignment="1">
      <alignment horizontal="left"/>
    </xf>
    <xf numFmtId="0" fontId="0" fillId="0" borderId="40" xfId="0" applyBorder="1" applyAlignment="1">
      <alignment horizontal="left"/>
    </xf>
    <xf numFmtId="0" fontId="0" fillId="0" borderId="41" xfId="0" applyBorder="1" applyAlignment="1">
      <alignment horizontal="left"/>
    </xf>
    <xf numFmtId="0" fontId="0" fillId="0" borderId="49" xfId="0" applyBorder="1" applyAlignment="1">
      <alignment horizontal="left"/>
    </xf>
    <xf numFmtId="0" fontId="0" fillId="0" borderId="23" xfId="0" applyBorder="1" applyAlignment="1">
      <alignment horizontal="left"/>
    </xf>
    <xf numFmtId="0" fontId="1" fillId="0" borderId="8" xfId="0" applyFont="1" applyBorder="1" applyAlignment="1">
      <alignment horizontal="center"/>
    </xf>
    <xf numFmtId="0" fontId="1" fillId="0" borderId="9" xfId="0" applyFont="1" applyBorder="1" applyAlignment="1">
      <alignment horizontal="center"/>
    </xf>
    <xf numFmtId="0" fontId="1" fillId="0" borderId="10" xfId="0" applyFont="1" applyBorder="1" applyAlignment="1">
      <alignment horizontal="center"/>
    </xf>
    <xf numFmtId="0" fontId="1" fillId="0" borderId="54" xfId="0" applyFont="1" applyBorder="1" applyAlignment="1">
      <alignment horizontal="left"/>
    </xf>
    <xf numFmtId="0" fontId="1" fillId="0" borderId="52" xfId="0" applyFont="1" applyBorder="1" applyAlignment="1">
      <alignment horizontal="left"/>
    </xf>
    <xf numFmtId="0" fontId="1" fillId="0" borderId="53" xfId="0" applyFont="1" applyBorder="1" applyAlignment="1">
      <alignment horizontal="left"/>
    </xf>
    <xf numFmtId="0" fontId="1" fillId="0" borderId="28" xfId="0" applyFont="1" applyBorder="1" applyAlignment="1">
      <alignment horizontal="left" wrapText="1"/>
    </xf>
    <xf numFmtId="0" fontId="1" fillId="0" borderId="29" xfId="0" applyFont="1" applyBorder="1" applyAlignment="1">
      <alignment horizontal="left" wrapText="1"/>
    </xf>
    <xf numFmtId="0" fontId="1" fillId="0" borderId="30" xfId="0" applyFont="1" applyBorder="1" applyAlignment="1">
      <alignment horizontal="left" wrapText="1"/>
    </xf>
    <xf numFmtId="0" fontId="1" fillId="0" borderId="8" xfId="0" applyFont="1" applyBorder="1" applyAlignment="1">
      <alignment horizontal="left"/>
    </xf>
    <xf numFmtId="0" fontId="1" fillId="0" borderId="9" xfId="0" applyFont="1" applyBorder="1" applyAlignment="1">
      <alignment horizontal="left"/>
    </xf>
    <xf numFmtId="0" fontId="1" fillId="0" borderId="10" xfId="0" applyFont="1" applyBorder="1" applyAlignment="1">
      <alignment horizontal="left"/>
    </xf>
    <xf numFmtId="0" fontId="0" fillId="0" borderId="47" xfId="0" applyBorder="1" applyAlignment="1">
      <alignment horizontal="left"/>
    </xf>
    <xf numFmtId="0" fontId="0" fillId="0" borderId="17" xfId="0" applyBorder="1" applyAlignment="1">
      <alignment horizontal="left"/>
    </xf>
    <xf numFmtId="0" fontId="0" fillId="0" borderId="48" xfId="0" applyBorder="1" applyAlignment="1">
      <alignment horizontal="left"/>
    </xf>
    <xf numFmtId="0" fontId="0" fillId="0" borderId="38" xfId="0" applyBorder="1" applyAlignment="1">
      <alignment horizontal="left"/>
    </xf>
    <xf numFmtId="0" fontId="0" fillId="0" borderId="5" xfId="0" applyBorder="1" applyAlignment="1">
      <alignment horizontal="left"/>
    </xf>
    <xf numFmtId="0" fontId="0" fillId="0" borderId="6" xfId="0" applyBorder="1" applyAlignment="1">
      <alignment horizontal="left"/>
    </xf>
    <xf numFmtId="0" fontId="1" fillId="0" borderId="51" xfId="0" applyFont="1" applyBorder="1" applyAlignment="1">
      <alignment horizontal="center"/>
    </xf>
    <xf numFmtId="0" fontId="1" fillId="0" borderId="35" xfId="0" applyFont="1" applyBorder="1" applyAlignment="1">
      <alignment horizontal="center"/>
    </xf>
    <xf numFmtId="0" fontId="1" fillId="0" borderId="36" xfId="0" applyFont="1" applyBorder="1" applyAlignment="1">
      <alignment horizontal="center"/>
    </xf>
    <xf numFmtId="0" fontId="1" fillId="0" borderId="34" xfId="0" applyFont="1" applyBorder="1" applyAlignment="1">
      <alignment horizontal="center"/>
    </xf>
    <xf numFmtId="0" fontId="0" fillId="0" borderId="46" xfId="0" applyBorder="1" applyAlignment="1">
      <alignment horizontal="left"/>
    </xf>
    <xf numFmtId="0" fontId="1" fillId="0" borderId="37" xfId="0" applyFont="1" applyBorder="1" applyAlignment="1">
      <alignment horizontal="center"/>
    </xf>
    <xf numFmtId="0" fontId="1" fillId="0" borderId="34" xfId="0" applyFont="1" applyBorder="1" applyAlignment="1">
      <alignment horizontal="left"/>
    </xf>
    <xf numFmtId="0" fontId="1" fillId="0" borderId="24" xfId="0" applyFont="1" applyBorder="1" applyAlignment="1">
      <alignment horizontal="center"/>
    </xf>
    <xf numFmtId="0" fontId="1" fillId="0" borderId="25" xfId="0" applyFont="1" applyBorder="1" applyAlignment="1">
      <alignment horizontal="center"/>
    </xf>
    <xf numFmtId="0" fontId="1" fillId="0" borderId="26" xfId="0" applyFont="1" applyBorder="1" applyAlignment="1">
      <alignment horizontal="center"/>
    </xf>
    <xf numFmtId="0" fontId="0" fillId="0" borderId="55" xfId="0" applyBorder="1" applyAlignment="1">
      <alignment horizontal="left"/>
    </xf>
    <xf numFmtId="0" fontId="0" fillId="0" borderId="56" xfId="0" applyBorder="1" applyAlignment="1">
      <alignment horizontal="left"/>
    </xf>
    <xf numFmtId="0" fontId="0" fillId="0" borderId="57" xfId="0" applyBorder="1" applyAlignment="1">
      <alignment horizontal="left"/>
    </xf>
    <xf numFmtId="0" fontId="2" fillId="2" borderId="19" xfId="0" applyFont="1" applyFill="1" applyBorder="1" applyAlignment="1">
      <alignment horizontal="left" wrapText="1"/>
    </xf>
    <xf numFmtId="0" fontId="2" fillId="2" borderId="20" xfId="0" applyFont="1" applyFill="1" applyBorder="1" applyAlignment="1">
      <alignment horizontal="left" wrapText="1"/>
    </xf>
    <xf numFmtId="0" fontId="2" fillId="2" borderId="21" xfId="0" applyFont="1" applyFill="1" applyBorder="1" applyAlignment="1">
      <alignment horizontal="left" wrapText="1"/>
    </xf>
    <xf numFmtId="0" fontId="2" fillId="2" borderId="16" xfId="0" applyFont="1" applyFill="1" applyBorder="1" applyAlignment="1">
      <alignment horizontal="left" wrapText="1"/>
    </xf>
    <xf numFmtId="0" fontId="2" fillId="2" borderId="2" xfId="0" applyFont="1" applyFill="1" applyBorder="1" applyAlignment="1">
      <alignment horizontal="left" wrapText="1"/>
    </xf>
    <xf numFmtId="0" fontId="2" fillId="2" borderId="4" xfId="0" applyFont="1" applyFill="1" applyBorder="1" applyAlignment="1">
      <alignment horizontal="left" wrapText="1"/>
    </xf>
    <xf numFmtId="0" fontId="2" fillId="2" borderId="38" xfId="0" applyFont="1" applyFill="1" applyBorder="1" applyAlignment="1">
      <alignment horizontal="left" wrapText="1"/>
    </xf>
    <xf numFmtId="0" fontId="2" fillId="2" borderId="5" xfId="0" applyFont="1" applyFill="1" applyBorder="1" applyAlignment="1">
      <alignment horizontal="left" wrapText="1"/>
    </xf>
    <xf numFmtId="0" fontId="2" fillId="2" borderId="6" xfId="0" applyFont="1" applyFill="1" applyBorder="1" applyAlignment="1">
      <alignment horizontal="left" wrapText="1"/>
    </xf>
    <xf numFmtId="0" fontId="0" fillId="0" borderId="63" xfId="0" applyBorder="1" applyAlignment="1">
      <alignment horizontal="left"/>
    </xf>
    <xf numFmtId="0" fontId="0" fillId="0" borderId="64" xfId="0" applyBorder="1" applyAlignment="1">
      <alignment horizontal="left"/>
    </xf>
    <xf numFmtId="0" fontId="0" fillId="0" borderId="59" xfId="0" applyBorder="1" applyAlignment="1">
      <alignment horizontal="left"/>
    </xf>
    <xf numFmtId="0" fontId="1" fillId="0" borderId="23" xfId="0" applyFont="1" applyBorder="1" applyAlignment="1">
      <alignment horizontal="center"/>
    </xf>
    <xf numFmtId="0" fontId="1" fillId="0" borderId="44" xfId="0" applyFont="1" applyBorder="1" applyAlignment="1">
      <alignment horizontal="center"/>
    </xf>
    <xf numFmtId="0" fontId="1" fillId="0" borderId="45" xfId="0" applyFont="1" applyBorder="1" applyAlignment="1">
      <alignment horizontal="center"/>
    </xf>
    <xf numFmtId="0" fontId="0" fillId="0" borderId="28" xfId="0" applyBorder="1" applyAlignment="1">
      <alignment horizontal="center"/>
    </xf>
    <xf numFmtId="0" fontId="0" fillId="0" borderId="29" xfId="0" applyBorder="1" applyAlignment="1">
      <alignment horizontal="center"/>
    </xf>
    <xf numFmtId="0" fontId="0" fillId="0" borderId="30" xfId="0" applyBorder="1" applyAlignment="1">
      <alignment horizontal="center"/>
    </xf>
    <xf numFmtId="0" fontId="0" fillId="0" borderId="24" xfId="0" applyBorder="1" applyAlignment="1">
      <alignment horizontal="left"/>
    </xf>
    <xf numFmtId="0" fontId="0" fillId="0" borderId="29" xfId="0" applyBorder="1" applyAlignment="1">
      <alignment horizontal="left"/>
    </xf>
    <xf numFmtId="0" fontId="0" fillId="0" borderId="30" xfId="0" applyBorder="1" applyAlignment="1">
      <alignment horizontal="left"/>
    </xf>
    <xf numFmtId="0" fontId="0" fillId="0" borderId="16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63" xfId="0" applyBorder="1" applyAlignment="1">
      <alignment horizontal="left" vertical="center"/>
    </xf>
    <xf numFmtId="0" fontId="0" fillId="0" borderId="64" xfId="0" applyBorder="1" applyAlignment="1">
      <alignment horizontal="left" vertical="center"/>
    </xf>
    <xf numFmtId="0" fontId="0" fillId="0" borderId="59" xfId="0" applyBorder="1" applyAlignment="1">
      <alignment horizontal="left" vertical="center"/>
    </xf>
    <xf numFmtId="0" fontId="0" fillId="0" borderId="32" xfId="0" applyBorder="1" applyAlignment="1">
      <alignment horizontal="left"/>
    </xf>
    <xf numFmtId="0" fontId="0" fillId="0" borderId="11" xfId="0" applyBorder="1" applyAlignment="1">
      <alignment horizontal="left"/>
    </xf>
    <xf numFmtId="0" fontId="0" fillId="0" borderId="12" xfId="0" applyBorder="1" applyAlignment="1">
      <alignment horizontal="left"/>
    </xf>
    <xf numFmtId="0" fontId="0" fillId="0" borderId="63" xfId="0" applyBorder="1" applyAlignment="1">
      <alignment horizontal="left" wrapText="1"/>
    </xf>
    <xf numFmtId="0" fontId="0" fillId="0" borderId="64" xfId="0" applyBorder="1" applyAlignment="1">
      <alignment horizontal="left" wrapText="1"/>
    </xf>
    <xf numFmtId="0" fontId="0" fillId="0" borderId="59" xfId="0" applyBorder="1" applyAlignment="1">
      <alignment horizontal="left" wrapText="1"/>
    </xf>
    <xf numFmtId="0" fontId="0" fillId="0" borderId="32" xfId="0" applyBorder="1" applyAlignment="1">
      <alignment horizontal="left" wrapText="1"/>
    </xf>
    <xf numFmtId="0" fontId="0" fillId="0" borderId="11" xfId="0" applyBorder="1" applyAlignment="1">
      <alignment horizontal="left" wrapText="1"/>
    </xf>
    <xf numFmtId="0" fontId="0" fillId="0" borderId="12" xfId="0" applyBorder="1" applyAlignment="1">
      <alignment horizontal="left" wrapText="1"/>
    </xf>
    <xf numFmtId="0" fontId="0" fillId="0" borderId="60" xfId="0" applyBorder="1"/>
    <xf numFmtId="0" fontId="0" fillId="0" borderId="27" xfId="0" applyBorder="1"/>
    <xf numFmtId="0" fontId="1" fillId="0" borderId="66" xfId="0" applyFont="1" applyBorder="1" applyAlignment="1">
      <alignment horizontal="left" wrapText="1"/>
    </xf>
    <xf numFmtId="0" fontId="1" fillId="0" borderId="65" xfId="0" applyFont="1" applyBorder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32" xfId="0" applyFont="1" applyBorder="1" applyAlignment="1">
      <alignment horizontal="left" wrapText="1"/>
    </xf>
    <xf numFmtId="0" fontId="1" fillId="0" borderId="11" xfId="0" applyFont="1" applyBorder="1" applyAlignment="1">
      <alignment horizontal="left" wrapText="1"/>
    </xf>
    <xf numFmtId="0" fontId="0" fillId="0" borderId="60" xfId="0" applyBorder="1" applyAlignment="1">
      <alignment wrapText="1"/>
    </xf>
    <xf numFmtId="0" fontId="0" fillId="0" borderId="61" xfId="0" applyBorder="1" applyAlignment="1">
      <alignment wrapText="1"/>
    </xf>
    <xf numFmtId="0" fontId="0" fillId="0" borderId="27" xfId="0" applyBorder="1" applyAlignment="1">
      <alignment wrapText="1"/>
    </xf>
    <xf numFmtId="0" fontId="2" fillId="2" borderId="22" xfId="0" applyFont="1" applyFill="1" applyBorder="1" applyAlignment="1">
      <alignment vertical="center" wrapText="1"/>
    </xf>
    <xf numFmtId="0" fontId="2" fillId="2" borderId="1" xfId="0" applyFont="1" applyFill="1" applyBorder="1" applyAlignment="1">
      <alignment vertical="center" wrapText="1"/>
    </xf>
    <xf numFmtId="0" fontId="2" fillId="2" borderId="42" xfId="0" applyFont="1" applyFill="1" applyBorder="1" applyAlignment="1">
      <alignment vertical="center" wrapText="1"/>
    </xf>
    <xf numFmtId="0" fontId="0" fillId="0" borderId="3" xfId="0" applyBorder="1"/>
    <xf numFmtId="0" fontId="0" fillId="0" borderId="1" xfId="0" applyBorder="1"/>
    <xf numFmtId="0" fontId="0" fillId="0" borderId="42" xfId="0" applyBorder="1"/>
    <xf numFmtId="0" fontId="0" fillId="0" borderId="16" xfId="0" applyBorder="1"/>
    <xf numFmtId="0" fontId="0" fillId="0" borderId="2" xfId="0" applyBorder="1"/>
    <xf numFmtId="0" fontId="0" fillId="0" borderId="4" xfId="0" applyBorder="1"/>
    <xf numFmtId="0" fontId="1" fillId="0" borderId="28" xfId="0" applyFont="1" applyBorder="1"/>
    <xf numFmtId="0" fontId="1" fillId="0" borderId="29" xfId="0" applyFont="1" applyBorder="1"/>
    <xf numFmtId="0" fontId="1" fillId="0" borderId="30" xfId="0" applyFont="1" applyBorder="1"/>
    <xf numFmtId="0" fontId="2" fillId="2" borderId="46" xfId="0" applyFont="1" applyFill="1" applyBorder="1" applyAlignment="1">
      <alignment vertical="center" wrapText="1"/>
    </xf>
    <xf numFmtId="0" fontId="2" fillId="2" borderId="40" xfId="0" applyFont="1" applyFill="1" applyBorder="1" applyAlignment="1">
      <alignment vertical="center" wrapText="1"/>
    </xf>
    <xf numFmtId="0" fontId="2" fillId="2" borderId="41" xfId="0" applyFont="1" applyFill="1" applyBorder="1" applyAlignment="1">
      <alignment vertical="center" wrapText="1"/>
    </xf>
    <xf numFmtId="0" fontId="0" fillId="0" borderId="31" xfId="0" applyBorder="1"/>
    <xf numFmtId="0" fontId="0" fillId="0" borderId="7" xfId="0" applyBorder="1"/>
    <xf numFmtId="0" fontId="0" fillId="0" borderId="50" xfId="0" applyBorder="1"/>
    <xf numFmtId="0" fontId="2" fillId="2" borderId="3" xfId="0" applyFont="1" applyFill="1" applyBorder="1" applyAlignment="1">
      <alignment vertical="center"/>
    </xf>
    <xf numFmtId="0" fontId="2" fillId="2" borderId="1" xfId="0" applyFont="1" applyFill="1" applyBorder="1" applyAlignment="1">
      <alignment vertical="center"/>
    </xf>
    <xf numFmtId="0" fontId="2" fillId="2" borderId="42" xfId="0" applyFont="1" applyFill="1" applyBorder="1" applyAlignment="1">
      <alignment vertical="center"/>
    </xf>
    <xf numFmtId="0" fontId="2" fillId="2" borderId="43" xfId="0" applyFont="1" applyFill="1" applyBorder="1" applyAlignment="1">
      <alignment vertical="center"/>
    </xf>
    <xf numFmtId="0" fontId="2" fillId="2" borderId="44" xfId="0" applyFont="1" applyFill="1" applyBorder="1" applyAlignment="1">
      <alignment vertical="center"/>
    </xf>
    <xf numFmtId="0" fontId="2" fillId="2" borderId="45" xfId="0" applyFont="1" applyFill="1" applyBorder="1" applyAlignment="1">
      <alignment vertical="center"/>
    </xf>
    <xf numFmtId="0" fontId="0" fillId="0" borderId="43" xfId="0" applyBorder="1"/>
    <xf numFmtId="0" fontId="0" fillId="0" borderId="44" xfId="0" applyBorder="1"/>
    <xf numFmtId="0" fontId="0" fillId="0" borderId="45" xfId="0" applyBorder="1"/>
    <xf numFmtId="0" fontId="0" fillId="0" borderId="28" xfId="0" applyBorder="1" applyAlignment="1">
      <alignment horizontal="left"/>
    </xf>
    <xf numFmtId="0" fontId="0" fillId="0" borderId="28" xfId="0" applyBorder="1" applyAlignment="1">
      <alignment horizontal="left" wrapText="1"/>
    </xf>
    <xf numFmtId="0" fontId="0" fillId="0" borderId="29" xfId="0" applyBorder="1" applyAlignment="1">
      <alignment horizontal="left" wrapText="1"/>
    </xf>
    <xf numFmtId="0" fontId="0" fillId="0" borderId="30" xfId="0" applyBorder="1" applyAlignment="1">
      <alignment horizontal="left" wrapText="1"/>
    </xf>
    <xf numFmtId="0" fontId="0" fillId="2" borderId="22" xfId="0" applyFill="1" applyBorder="1" applyAlignment="1">
      <alignment horizontal="left"/>
    </xf>
    <xf numFmtId="0" fontId="0" fillId="2" borderId="1" xfId="0" applyFill="1" applyBorder="1" applyAlignment="1">
      <alignment horizontal="left"/>
    </xf>
    <xf numFmtId="0" fontId="0" fillId="2" borderId="42" xfId="0" applyFill="1" applyBorder="1" applyAlignment="1">
      <alignment horizontal="left"/>
    </xf>
    <xf numFmtId="0" fontId="0" fillId="2" borderId="23" xfId="0" applyFill="1" applyBorder="1" applyAlignment="1">
      <alignment horizontal="left"/>
    </xf>
    <xf numFmtId="0" fontId="0" fillId="2" borderId="44" xfId="0" applyFill="1" applyBorder="1" applyAlignment="1">
      <alignment horizontal="left"/>
    </xf>
    <xf numFmtId="0" fontId="0" fillId="2" borderId="45" xfId="0" applyFill="1" applyBorder="1" applyAlignment="1">
      <alignment horizontal="left"/>
    </xf>
    <xf numFmtId="0" fontId="0" fillId="0" borderId="16" xfId="0" applyBorder="1" applyAlignment="1">
      <alignment horizontal="left" wrapText="1"/>
    </xf>
    <xf numFmtId="0" fontId="0" fillId="0" borderId="2" xfId="0" applyBorder="1" applyAlignment="1">
      <alignment horizontal="left" wrapText="1"/>
    </xf>
    <xf numFmtId="0" fontId="0" fillId="0" borderId="4" xfId="0" applyBorder="1" applyAlignment="1">
      <alignment horizontal="left" wrapText="1"/>
    </xf>
    <xf numFmtId="0" fontId="0" fillId="0" borderId="25" xfId="0" applyBorder="1" applyAlignment="1">
      <alignment horizontal="left"/>
    </xf>
    <xf numFmtId="0" fontId="0" fillId="0" borderId="26" xfId="0" applyBorder="1" applyAlignment="1">
      <alignment horizontal="left"/>
    </xf>
    <xf numFmtId="0" fontId="0" fillId="2" borderId="46" xfId="0" applyFill="1" applyBorder="1" applyAlignment="1">
      <alignment horizontal="left"/>
    </xf>
    <xf numFmtId="0" fontId="0" fillId="2" borderId="40" xfId="0" applyFill="1" applyBorder="1" applyAlignment="1">
      <alignment horizontal="left"/>
    </xf>
    <xf numFmtId="0" fontId="0" fillId="2" borderId="41" xfId="0" applyFill="1" applyBorder="1" applyAlignment="1">
      <alignment horizontal="left"/>
    </xf>
    <xf numFmtId="0" fontId="0" fillId="0" borderId="24" xfId="0" applyBorder="1" applyAlignment="1">
      <alignment horizontal="left" wrapText="1"/>
    </xf>
    <xf numFmtId="0" fontId="0" fillId="0" borderId="25" xfId="0" applyBorder="1" applyAlignment="1">
      <alignment horizontal="left" wrapText="1"/>
    </xf>
    <xf numFmtId="0" fontId="0" fillId="0" borderId="26" xfId="0" applyBorder="1" applyAlignment="1">
      <alignment horizontal="left" wrapText="1"/>
    </xf>
    <xf numFmtId="0" fontId="0" fillId="0" borderId="65" xfId="0" applyBorder="1" applyAlignment="1">
      <alignment horizontal="left" wrapText="1"/>
    </xf>
    <xf numFmtId="0" fontId="0" fillId="0" borderId="0" xfId="0" applyAlignment="1">
      <alignment horizontal="left" wrapText="1"/>
    </xf>
    <xf numFmtId="0" fontId="0" fillId="0" borderId="62" xfId="0" applyBorder="1" applyAlignment="1">
      <alignment horizontal="left" wrapText="1"/>
    </xf>
    <xf numFmtId="0" fontId="0" fillId="0" borderId="67" xfId="0" applyBorder="1" applyAlignment="1">
      <alignment horizontal="left" wrapText="1"/>
    </xf>
    <xf numFmtId="0" fontId="0" fillId="0" borderId="56" xfId="0" applyBorder="1" applyAlignment="1">
      <alignment horizontal="left" wrapText="1"/>
    </xf>
    <xf numFmtId="0" fontId="0" fillId="0" borderId="57" xfId="0" applyBorder="1" applyAlignment="1">
      <alignment horizontal="left" wrapText="1"/>
    </xf>
    <xf numFmtId="0" fontId="1" fillId="0" borderId="19" xfId="0" applyFont="1" applyBorder="1" applyAlignment="1">
      <alignment horizontal="left"/>
    </xf>
    <xf numFmtId="0" fontId="1" fillId="0" borderId="20" xfId="0" applyFont="1" applyBorder="1" applyAlignment="1">
      <alignment horizontal="left"/>
    </xf>
    <xf numFmtId="0" fontId="1" fillId="0" borderId="21" xfId="0" applyFont="1" applyBorder="1" applyAlignment="1">
      <alignment horizontal="left"/>
    </xf>
    <xf numFmtId="0" fontId="0" fillId="0" borderId="24" xfId="0" applyBorder="1" applyAlignment="1">
      <alignment horizontal="left" vertical="top" wrapText="1"/>
    </xf>
    <xf numFmtId="0" fontId="0" fillId="0" borderId="25" xfId="0" applyBorder="1" applyAlignment="1">
      <alignment horizontal="left" vertical="top" wrapText="1"/>
    </xf>
    <xf numFmtId="0" fontId="0" fillId="0" borderId="26" xfId="0" applyBorder="1" applyAlignment="1">
      <alignment horizontal="left" vertical="top" wrapText="1"/>
    </xf>
    <xf numFmtId="0" fontId="0" fillId="0" borderId="65" xfId="0" applyBorder="1" applyAlignment="1">
      <alignment horizontal="left" vertical="top" wrapText="1"/>
    </xf>
    <xf numFmtId="0" fontId="0" fillId="0" borderId="0" xfId="0" applyAlignment="1">
      <alignment horizontal="left" vertical="top" wrapText="1"/>
    </xf>
    <xf numFmtId="0" fontId="0" fillId="0" borderId="62" xfId="0" applyBorder="1" applyAlignment="1">
      <alignment horizontal="left" vertical="top" wrapText="1"/>
    </xf>
    <xf numFmtId="0" fontId="0" fillId="0" borderId="67" xfId="0" applyBorder="1" applyAlignment="1">
      <alignment horizontal="left" vertical="top" wrapText="1"/>
    </xf>
    <xf numFmtId="0" fontId="0" fillId="0" borderId="56" xfId="0" applyBorder="1" applyAlignment="1">
      <alignment horizontal="left" vertical="top" wrapText="1"/>
    </xf>
    <xf numFmtId="0" fontId="0" fillId="0" borderId="57" xfId="0" applyBorder="1" applyAlignment="1">
      <alignment horizontal="left" vertical="top" wrapText="1"/>
    </xf>
    <xf numFmtId="0" fontId="1" fillId="0" borderId="16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4" xfId="0" applyFont="1" applyBorder="1" applyAlignment="1">
      <alignment horizontal="left"/>
    </xf>
    <xf numFmtId="0" fontId="1" fillId="0" borderId="63" xfId="0" applyFont="1" applyBorder="1" applyAlignment="1">
      <alignment horizontal="left"/>
    </xf>
    <xf numFmtId="0" fontId="1" fillId="0" borderId="64" xfId="0" applyFont="1" applyBorder="1" applyAlignment="1">
      <alignment horizontal="left"/>
    </xf>
    <xf numFmtId="0" fontId="1" fillId="0" borderId="59" xfId="0" applyFont="1" applyBorder="1" applyAlignment="1">
      <alignment horizontal="left"/>
    </xf>
    <xf numFmtId="0" fontId="1" fillId="0" borderId="19" xfId="0" applyFont="1" applyBorder="1"/>
    <xf numFmtId="0" fontId="1" fillId="0" borderId="20" xfId="0" applyFont="1" applyBorder="1"/>
    <xf numFmtId="0" fontId="1" fillId="0" borderId="21" xfId="0" applyFont="1" applyBorder="1"/>
    <xf numFmtId="0" fontId="1" fillId="0" borderId="16" xfId="0" applyFont="1" applyBorder="1"/>
    <xf numFmtId="0" fontId="1" fillId="0" borderId="2" xfId="0" applyFont="1" applyBorder="1"/>
    <xf numFmtId="0" fontId="1" fillId="0" borderId="4" xfId="0" applyFont="1" applyBorder="1"/>
    <xf numFmtId="0" fontId="0" fillId="0" borderId="67" xfId="0" applyBorder="1" applyAlignment="1">
      <alignment horizontal="left"/>
    </xf>
    <xf numFmtId="0" fontId="9" fillId="0" borderId="24" xfId="0" applyFont="1" applyBorder="1" applyAlignment="1">
      <alignment horizontal="center"/>
    </xf>
    <xf numFmtId="0" fontId="9" fillId="0" borderId="26" xfId="0" applyFont="1" applyBorder="1" applyAlignment="1">
      <alignment horizontal="center"/>
    </xf>
    <xf numFmtId="0" fontId="2" fillId="0" borderId="47" xfId="0" applyFont="1" applyBorder="1" applyAlignment="1">
      <alignment horizontal="center" wrapText="1"/>
    </xf>
    <xf numFmtId="0" fontId="2" fillId="0" borderId="48" xfId="0" applyFont="1" applyBorder="1" applyAlignment="1">
      <alignment horizontal="center"/>
    </xf>
    <xf numFmtId="0" fontId="9" fillId="0" borderId="28" xfId="0" applyFont="1" applyBorder="1" applyAlignment="1">
      <alignment horizontal="center"/>
    </xf>
    <xf numFmtId="0" fontId="9" fillId="0" borderId="30" xfId="0" applyFont="1" applyBorder="1" applyAlignment="1">
      <alignment horizontal="center"/>
    </xf>
    <xf numFmtId="0" fontId="9" fillId="0" borderId="46" xfId="0" applyFont="1" applyBorder="1" applyAlignment="1">
      <alignment horizontal="center"/>
    </xf>
    <xf numFmtId="0" fontId="9" fillId="0" borderId="41" xfId="0" applyFont="1" applyBorder="1" applyAlignment="1">
      <alignment horizontal="center"/>
    </xf>
    <xf numFmtId="0" fontId="1" fillId="0" borderId="47" xfId="0" applyFont="1" applyBorder="1" applyAlignment="1">
      <alignment horizontal="center" wrapText="1"/>
    </xf>
    <xf numFmtId="0" fontId="1" fillId="0" borderId="48" xfId="0" applyFont="1" applyBorder="1" applyAlignment="1">
      <alignment horizontal="center" wrapText="1"/>
    </xf>
    <xf numFmtId="0" fontId="9" fillId="0" borderId="28" xfId="0" applyFont="1" applyBorder="1" applyAlignment="1">
      <alignment horizontal="center" wrapText="1"/>
    </xf>
    <xf numFmtId="0" fontId="9" fillId="0" borderId="30" xfId="0" applyFont="1" applyBorder="1" applyAlignment="1">
      <alignment horizontal="center" wrapText="1"/>
    </xf>
    <xf numFmtId="0" fontId="9" fillId="0" borderId="8" xfId="0" applyFont="1" applyBorder="1" applyAlignment="1">
      <alignment horizontal="center"/>
    </xf>
    <xf numFmtId="0" fontId="9" fillId="0" borderId="10" xfId="0" applyFont="1" applyBorder="1" applyAlignment="1">
      <alignment horizontal="center"/>
    </xf>
    <xf numFmtId="0" fontId="9" fillId="0" borderId="54" xfId="0" applyFont="1" applyBorder="1" applyAlignment="1">
      <alignment horizontal="center" wrapText="1"/>
    </xf>
    <xf numFmtId="0" fontId="9" fillId="0" borderId="53" xfId="0" applyFont="1" applyBorder="1" applyAlignment="1">
      <alignment horizontal="center" wrapText="1"/>
    </xf>
    <xf numFmtId="0" fontId="1" fillId="0" borderId="24" xfId="0" applyFont="1" applyBorder="1" applyAlignment="1">
      <alignment horizontal="center" wrapText="1"/>
    </xf>
    <xf numFmtId="0" fontId="1" fillId="0" borderId="26" xfId="0" applyFont="1" applyBorder="1" applyAlignment="1">
      <alignment horizontal="center" wrapText="1"/>
    </xf>
    <xf numFmtId="0" fontId="1" fillId="0" borderId="65" xfId="0" applyFont="1" applyBorder="1" applyAlignment="1">
      <alignment horizontal="center" wrapText="1"/>
    </xf>
    <xf numFmtId="0" fontId="1" fillId="0" borderId="62" xfId="0" applyFont="1" applyBorder="1" applyAlignment="1">
      <alignment horizontal="center" wrapText="1"/>
    </xf>
    <xf numFmtId="0" fontId="9" fillId="0" borderId="28" xfId="0" applyFont="1" applyBorder="1" applyAlignment="1">
      <alignment horizontal="center" vertical="center"/>
    </xf>
    <xf numFmtId="0" fontId="9" fillId="0" borderId="30" xfId="0" applyFont="1" applyBorder="1" applyAlignment="1">
      <alignment horizontal="center" vertical="center"/>
    </xf>
    <xf numFmtId="0" fontId="9" fillId="0" borderId="28" xfId="0" applyFont="1" applyBorder="1" applyAlignment="1">
      <alignment horizontal="center" vertical="center" wrapText="1"/>
    </xf>
    <xf numFmtId="0" fontId="9" fillId="0" borderId="30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/>
    </xf>
    <xf numFmtId="0" fontId="2" fillId="0" borderId="30" xfId="0" applyFont="1" applyBorder="1" applyAlignment="1">
      <alignment horizontal="center"/>
    </xf>
    <xf numFmtId="0" fontId="2" fillId="0" borderId="65" xfId="0" applyFont="1" applyBorder="1" applyAlignment="1">
      <alignment horizontal="center"/>
    </xf>
    <xf numFmtId="0" fontId="2" fillId="0" borderId="62" xfId="0" applyFont="1" applyBorder="1" applyAlignment="1">
      <alignment horizontal="center"/>
    </xf>
    <xf numFmtId="0" fontId="2" fillId="0" borderId="28" xfId="0" applyFont="1" applyBorder="1" applyAlignment="1">
      <alignment horizontal="left"/>
    </xf>
    <xf numFmtId="0" fontId="2" fillId="0" borderId="30" xfId="0" applyFont="1" applyBorder="1" applyAlignment="1">
      <alignment horizontal="left"/>
    </xf>
    <xf numFmtId="0" fontId="9" fillId="0" borderId="24" xfId="0" applyFont="1" applyBorder="1" applyAlignment="1">
      <alignment horizontal="center" wrapText="1"/>
    </xf>
    <xf numFmtId="0" fontId="2" fillId="0" borderId="8" xfId="0" applyFont="1" applyBorder="1" applyAlignment="1">
      <alignment horizontal="center"/>
    </xf>
    <xf numFmtId="0" fontId="2" fillId="0" borderId="10" xfId="0" applyFont="1" applyBorder="1" applyAlignment="1">
      <alignment horizontal="center"/>
    </xf>
    <xf numFmtId="0" fontId="2" fillId="0" borderId="8" xfId="0" applyFont="1" applyBorder="1" applyAlignment="1">
      <alignment horizontal="center" wrapText="1"/>
    </xf>
    <xf numFmtId="0" fontId="2" fillId="0" borderId="10" xfId="0" applyFont="1" applyBorder="1" applyAlignment="1">
      <alignment horizontal="center" wrapText="1"/>
    </xf>
    <xf numFmtId="0" fontId="2" fillId="0" borderId="24" xfId="0" applyFont="1" applyBorder="1" applyAlignment="1">
      <alignment horizontal="center" wrapText="1"/>
    </xf>
    <xf numFmtId="0" fontId="2" fillId="0" borderId="26" xfId="0" applyFont="1" applyBorder="1" applyAlignment="1">
      <alignment horizontal="center" wrapText="1"/>
    </xf>
    <xf numFmtId="0" fontId="2" fillId="0" borderId="24" xfId="0" applyFont="1" applyBorder="1" applyAlignment="1">
      <alignment horizontal="left"/>
    </xf>
    <xf numFmtId="0" fontId="2" fillId="0" borderId="28" xfId="0" applyFont="1" applyBorder="1" applyAlignment="1">
      <alignment horizontal="center" wrapText="1"/>
    </xf>
    <xf numFmtId="0" fontId="2" fillId="0" borderId="24" xfId="0" applyFont="1" applyBorder="1" applyAlignment="1">
      <alignment horizontal="left" wrapText="1"/>
    </xf>
    <xf numFmtId="0" fontId="2" fillId="0" borderId="30" xfId="0" applyFont="1" applyBorder="1" applyAlignment="1">
      <alignment horizontal="left" wrapText="1"/>
    </xf>
    <xf numFmtId="0" fontId="2" fillId="0" borderId="33" xfId="0" applyFont="1" applyBorder="1" applyAlignment="1">
      <alignment horizontal="left" wrapText="1"/>
    </xf>
    <xf numFmtId="0" fontId="2" fillId="0" borderId="61" xfId="0" applyFont="1" applyBorder="1" applyAlignment="1">
      <alignment horizontal="left" wrapText="1"/>
    </xf>
    <xf numFmtId="0" fontId="2" fillId="0" borderId="58" xfId="0" applyFont="1" applyBorder="1" applyAlignment="1">
      <alignment horizontal="left" wrapText="1"/>
    </xf>
    <xf numFmtId="0" fontId="2" fillId="0" borderId="30" xfId="0" applyFont="1" applyBorder="1" applyAlignment="1">
      <alignment horizontal="center" wrapText="1"/>
    </xf>
    <xf numFmtId="0" fontId="2" fillId="0" borderId="28" xfId="0" applyFont="1" applyBorder="1" applyAlignment="1">
      <alignment horizontal="left" wrapText="1"/>
    </xf>
    <xf numFmtId="0" fontId="1" fillId="0" borderId="46" xfId="0" applyFont="1" applyBorder="1" applyAlignment="1">
      <alignment horizontal="center"/>
    </xf>
    <xf numFmtId="0" fontId="1" fillId="0" borderId="41" xfId="0" applyFont="1" applyBorder="1" applyAlignment="1">
      <alignment horizontal="center"/>
    </xf>
    <xf numFmtId="0" fontId="1" fillId="0" borderId="46" xfId="0" applyFont="1" applyBorder="1" applyAlignment="1">
      <alignment horizontal="center" wrapText="1"/>
    </xf>
    <xf numFmtId="0" fontId="1" fillId="0" borderId="41" xfId="0" applyFont="1" applyBorder="1" applyAlignment="1">
      <alignment horizontal="center" wrapText="1"/>
    </xf>
    <xf numFmtId="0" fontId="1" fillId="0" borderId="67" xfId="0" applyFont="1" applyBorder="1" applyAlignment="1">
      <alignment horizontal="center" wrapText="1"/>
    </xf>
    <xf numFmtId="0" fontId="1" fillId="0" borderId="57" xfId="0" applyFont="1" applyBorder="1" applyAlignment="1">
      <alignment horizontal="center" wrapText="1"/>
    </xf>
    <xf numFmtId="0" fontId="1" fillId="0" borderId="65" xfId="0" applyFont="1" applyBorder="1" applyAlignment="1">
      <alignment horizontal="center"/>
    </xf>
    <xf numFmtId="0" fontId="1" fillId="0" borderId="62" xfId="0" applyFont="1" applyBorder="1" applyAlignment="1">
      <alignment horizontal="center"/>
    </xf>
    <xf numFmtId="0" fontId="1" fillId="0" borderId="38" xfId="0" applyFont="1" applyBorder="1" applyAlignment="1">
      <alignment horizontal="center" wrapText="1"/>
    </xf>
    <xf numFmtId="0" fontId="1" fillId="0" borderId="6" xfId="0" applyFont="1" applyBorder="1" applyAlignment="1">
      <alignment horizontal="center" wrapText="1"/>
    </xf>
    <xf numFmtId="0" fontId="1" fillId="0" borderId="67" xfId="0" applyFont="1" applyBorder="1" applyAlignment="1">
      <alignment horizontal="center"/>
    </xf>
    <xf numFmtId="0" fontId="1" fillId="0" borderId="57" xfId="0" applyFont="1" applyBorder="1" applyAlignment="1">
      <alignment horizontal="center"/>
    </xf>
    <xf numFmtId="0" fontId="1" fillId="0" borderId="23" xfId="0" applyFont="1" applyBorder="1" applyAlignment="1">
      <alignment horizontal="center" wrapText="1"/>
    </xf>
    <xf numFmtId="0" fontId="1" fillId="0" borderId="45" xfId="0" applyFont="1" applyBorder="1" applyAlignment="1">
      <alignment horizontal="center" wrapText="1"/>
    </xf>
    <xf numFmtId="0" fontId="9" fillId="0" borderId="67" xfId="0" applyFont="1" applyBorder="1" applyAlignment="1">
      <alignment horizontal="center"/>
    </xf>
    <xf numFmtId="0" fontId="9" fillId="0" borderId="57" xfId="0" applyFont="1" applyBorder="1" applyAlignment="1">
      <alignment horizontal="center"/>
    </xf>
    <xf numFmtId="0" fontId="9" fillId="0" borderId="23" xfId="0" applyFont="1" applyBorder="1" applyAlignment="1">
      <alignment horizontal="center"/>
    </xf>
    <xf numFmtId="0" fontId="9" fillId="0" borderId="45" xfId="0" applyFont="1" applyBorder="1" applyAlignment="1">
      <alignment horizontal="center"/>
    </xf>
    <xf numFmtId="0" fontId="9" fillId="0" borderId="46" xfId="0" applyFont="1" applyBorder="1" applyAlignment="1">
      <alignment horizontal="center" wrapText="1"/>
    </xf>
    <xf numFmtId="0" fontId="9" fillId="0" borderId="41" xfId="0" applyFont="1" applyBorder="1" applyAlignment="1">
      <alignment horizontal="center" wrapText="1"/>
    </xf>
    <xf numFmtId="0" fontId="9" fillId="0" borderId="23" xfId="0" applyFont="1" applyBorder="1" applyAlignment="1">
      <alignment horizontal="center" wrapText="1"/>
    </xf>
    <xf numFmtId="0" fontId="9" fillId="0" borderId="45" xfId="0" applyFont="1" applyBorder="1" applyAlignment="1">
      <alignment horizontal="center" wrapText="1"/>
    </xf>
    <xf numFmtId="0" fontId="9" fillId="0" borderId="19" xfId="0" applyFont="1" applyBorder="1" applyAlignment="1">
      <alignment horizontal="center"/>
    </xf>
    <xf numFmtId="0" fontId="9" fillId="0" borderId="21" xfId="0" applyFont="1" applyBorder="1" applyAlignment="1">
      <alignment horizontal="center"/>
    </xf>
    <xf numFmtId="0" fontId="1" fillId="0" borderId="8" xfId="0" applyFont="1" applyBorder="1" applyAlignment="1">
      <alignment horizontal="center" wrapText="1"/>
    </xf>
    <xf numFmtId="0" fontId="1" fillId="0" borderId="10" xfId="0" applyFont="1" applyBorder="1" applyAlignment="1">
      <alignment horizontal="center" wrapText="1"/>
    </xf>
    <xf numFmtId="0" fontId="13" fillId="3" borderId="28" xfId="0" applyFont="1" applyFill="1" applyBorder="1" applyAlignment="1">
      <alignment horizontal="center"/>
    </xf>
    <xf numFmtId="0" fontId="13" fillId="3" borderId="30" xfId="0" applyFont="1" applyFill="1" applyBorder="1" applyAlignment="1">
      <alignment horizontal="center"/>
    </xf>
    <xf numFmtId="0" fontId="9" fillId="0" borderId="24" xfId="0" applyFont="1" applyBorder="1" applyAlignment="1">
      <alignment horizontal="left"/>
    </xf>
    <xf numFmtId="0" fontId="9" fillId="0" borderId="30" xfId="0" applyFont="1" applyBorder="1" applyAlignment="1">
      <alignment horizontal="left"/>
    </xf>
    <xf numFmtId="0" fontId="14" fillId="0" borderId="24" xfId="0" applyFont="1" applyBorder="1" applyAlignment="1">
      <alignment horizontal="center" vertical="center" wrapText="1"/>
    </xf>
    <xf numFmtId="0" fontId="14" fillId="0" borderId="25" xfId="0" applyFont="1" applyBorder="1" applyAlignment="1">
      <alignment horizontal="center" vertical="center" wrapText="1"/>
    </xf>
    <xf numFmtId="0" fontId="14" fillId="0" borderId="26" xfId="0" applyFont="1" applyBorder="1" applyAlignment="1">
      <alignment horizontal="center" vertical="center" wrapText="1"/>
    </xf>
    <xf numFmtId="0" fontId="14" fillId="0" borderId="67" xfId="0" applyFont="1" applyBorder="1" applyAlignment="1">
      <alignment horizontal="center" vertical="center" wrapText="1"/>
    </xf>
    <xf numFmtId="0" fontId="14" fillId="0" borderId="0" xfId="0" applyFont="1" applyAlignment="1">
      <alignment horizontal="center" vertical="center" wrapText="1"/>
    </xf>
    <xf numFmtId="0" fontId="14" fillId="0" borderId="62" xfId="0" applyFont="1" applyBorder="1" applyAlignment="1">
      <alignment horizontal="center" vertical="center" wrapText="1"/>
    </xf>
    <xf numFmtId="0" fontId="15" fillId="0" borderId="19" xfId="0" applyFont="1" applyBorder="1" applyAlignment="1">
      <alignment horizontal="left" vertical="center"/>
    </xf>
    <xf numFmtId="0" fontId="15" fillId="0" borderId="21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 wrapText="1"/>
    </xf>
    <xf numFmtId="0" fontId="15" fillId="0" borderId="4" xfId="0" applyFont="1" applyBorder="1" applyAlignment="1">
      <alignment horizontal="left" vertical="center"/>
    </xf>
    <xf numFmtId="0" fontId="15" fillId="0" borderId="16" xfId="0" applyFont="1" applyBorder="1" applyAlignment="1">
      <alignment horizontal="left" vertical="center"/>
    </xf>
    <xf numFmtId="0" fontId="15" fillId="0" borderId="38" xfId="0" applyFont="1" applyBorder="1" applyAlignment="1">
      <alignment horizontal="left" vertical="center"/>
    </xf>
    <xf numFmtId="0" fontId="15" fillId="0" borderId="6" xfId="0" applyFont="1" applyBorder="1" applyAlignment="1">
      <alignment horizontal="left" vertical="center"/>
    </xf>
    <xf numFmtId="0" fontId="14" fillId="0" borderId="28" xfId="0" applyFont="1" applyBorder="1" applyAlignment="1">
      <alignment horizontal="center" vertical="center"/>
    </xf>
    <xf numFmtId="0" fontId="14" fillId="0" borderId="29" xfId="0" applyFont="1" applyBorder="1" applyAlignment="1">
      <alignment horizontal="center" vertical="center"/>
    </xf>
    <xf numFmtId="0" fontId="14" fillId="0" borderId="69" xfId="0" applyFont="1" applyBorder="1" applyAlignment="1">
      <alignment horizontal="center" vertical="center"/>
    </xf>
    <xf numFmtId="0" fontId="14" fillId="0" borderId="56" xfId="0" applyFont="1" applyBorder="1" applyAlignment="1">
      <alignment horizontal="center" vertical="center" wrapText="1"/>
    </xf>
    <xf numFmtId="0" fontId="14" fillId="0" borderId="57" xfId="0" applyFont="1" applyBorder="1" applyAlignment="1">
      <alignment horizontal="center" vertical="center" wrapText="1"/>
    </xf>
    <xf numFmtId="0" fontId="15" fillId="0" borderId="19" xfId="0" applyFont="1" applyBorder="1" applyAlignment="1">
      <alignment horizontal="left" vertical="center" wrapText="1"/>
    </xf>
    <xf numFmtId="0" fontId="0" fillId="3" borderId="28" xfId="0" applyFill="1" applyBorder="1" applyAlignment="1">
      <alignment horizontal="center"/>
    </xf>
    <xf numFmtId="0" fontId="0" fillId="3" borderId="29" xfId="0" applyFill="1" applyBorder="1" applyAlignment="1">
      <alignment horizontal="center"/>
    </xf>
    <xf numFmtId="0" fontId="0" fillId="3" borderId="30" xfId="0" applyFill="1" applyBorder="1" applyAlignment="1">
      <alignment horizontal="center"/>
    </xf>
    <xf numFmtId="0" fontId="15" fillId="0" borderId="4" xfId="0" applyFont="1" applyBorder="1" applyAlignment="1">
      <alignment horizontal="left" vertical="center" wrapText="1"/>
    </xf>
    <xf numFmtId="0" fontId="14" fillId="0" borderId="65" xfId="0" applyFont="1" applyBorder="1" applyAlignment="1">
      <alignment horizontal="center" vertical="center" wrapText="1"/>
    </xf>
    <xf numFmtId="0" fontId="0" fillId="0" borderId="40" xfId="0" applyBorder="1" applyAlignment="1">
      <alignment horizontal="center"/>
    </xf>
    <xf numFmtId="0" fontId="0" fillId="0" borderId="41" xfId="0" applyBorder="1" applyAlignment="1">
      <alignment horizontal="center"/>
    </xf>
    <xf numFmtId="0" fontId="0" fillId="0" borderId="44" xfId="0" applyBorder="1" applyAlignment="1">
      <alignment horizontal="center"/>
    </xf>
    <xf numFmtId="0" fontId="0" fillId="0" borderId="45" xfId="0" applyBorder="1" applyAlignment="1">
      <alignment horizontal="center"/>
    </xf>
    <xf numFmtId="0" fontId="0" fillId="0" borderId="66" xfId="0" applyBorder="1" applyAlignment="1">
      <alignment horizontal="center"/>
    </xf>
    <xf numFmtId="0" fontId="15" fillId="0" borderId="5" xfId="0" applyFont="1" applyBorder="1" applyAlignment="1">
      <alignment horizontal="left" vertical="center"/>
    </xf>
    <xf numFmtId="0" fontId="15" fillId="0" borderId="20" xfId="0" applyFont="1" applyBorder="1" applyAlignment="1">
      <alignment horizontal="left" vertical="center"/>
    </xf>
    <xf numFmtId="0" fontId="0" fillId="0" borderId="0" xfId="0" applyAlignment="1">
      <alignment horizontal="center"/>
    </xf>
    <xf numFmtId="0" fontId="14" fillId="0" borderId="30" xfId="0" applyFont="1" applyBorder="1" applyAlignment="1">
      <alignment horizontal="center" vertical="center"/>
    </xf>
    <xf numFmtId="0" fontId="15" fillId="0" borderId="56" xfId="0" applyFont="1" applyBorder="1" applyAlignment="1">
      <alignment horizontal="left" vertical="center"/>
    </xf>
    <xf numFmtId="0" fontId="15" fillId="0" borderId="57" xfId="0" applyFont="1" applyBorder="1" applyAlignment="1">
      <alignment horizontal="left" vertical="center"/>
    </xf>
    <xf numFmtId="0" fontId="15" fillId="0" borderId="31" xfId="0" applyFont="1" applyBorder="1" applyAlignment="1">
      <alignment horizontal="left" vertical="center"/>
    </xf>
    <xf numFmtId="0" fontId="15" fillId="0" borderId="50" xfId="0" applyFont="1" applyBorder="1" applyAlignment="1">
      <alignment horizontal="left" vertical="center"/>
    </xf>
    <xf numFmtId="0" fontId="15" fillId="0" borderId="28" xfId="0" applyFont="1" applyBorder="1" applyAlignment="1">
      <alignment horizontal="left" vertical="center"/>
    </xf>
    <xf numFmtId="0" fontId="15" fillId="0" borderId="30" xfId="0" applyFont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1943100</xdr:colOff>
      <xdr:row>0</xdr:row>
      <xdr:rowOff>161925</xdr:rowOff>
    </xdr:from>
    <xdr:to>
      <xdr:col>1</xdr:col>
      <xdr:colOff>3343275</xdr:colOff>
      <xdr:row>2</xdr:row>
      <xdr:rowOff>47625</xdr:rowOff>
    </xdr:to>
    <xdr:pic>
      <xdr:nvPicPr>
        <xdr:cNvPr id="2" name="Picture 1" descr="D:\Users\s2018809\Desktop\SARS General\SARS Logos\SARS Logo.JP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200275" y="161925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3552825</xdr:colOff>
      <xdr:row>1</xdr:row>
      <xdr:rowOff>57150</xdr:rowOff>
    </xdr:from>
    <xdr:to>
      <xdr:col>1</xdr:col>
      <xdr:colOff>4953000</xdr:colOff>
      <xdr:row>2</xdr:row>
      <xdr:rowOff>133350</xdr:rowOff>
    </xdr:to>
    <xdr:pic>
      <xdr:nvPicPr>
        <xdr:cNvPr id="3" name="Picture 2" descr="D:\Users\s2018809\Desktop\SARS General\SARS Logos\SARS Logo.JPG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771900" y="247650"/>
          <a:ext cx="1400175" cy="266700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6.bin"/><Relationship Id="rId2" Type="http://schemas.openxmlformats.org/officeDocument/2006/relationships/printerSettings" Target="../printerSettings/printerSettings5.bin"/><Relationship Id="rId1" Type="http://schemas.openxmlformats.org/officeDocument/2006/relationships/printerSettings" Target="../printerSettings/printerSettings4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9.bin"/><Relationship Id="rId2" Type="http://schemas.openxmlformats.org/officeDocument/2006/relationships/printerSettings" Target="../printerSettings/printerSettings8.bin"/><Relationship Id="rId1" Type="http://schemas.openxmlformats.org/officeDocument/2006/relationships/printerSettings" Target="../printerSettings/printerSettings7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2.bin"/><Relationship Id="rId2" Type="http://schemas.openxmlformats.org/officeDocument/2006/relationships/printerSettings" Target="../printerSettings/printerSettings11.bin"/><Relationship Id="rId1" Type="http://schemas.openxmlformats.org/officeDocument/2006/relationships/printerSettings" Target="../printerSettings/printerSettings10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5.bin"/><Relationship Id="rId2" Type="http://schemas.openxmlformats.org/officeDocument/2006/relationships/printerSettings" Target="../printerSettings/printerSettings14.bin"/><Relationship Id="rId1" Type="http://schemas.openxmlformats.org/officeDocument/2006/relationships/printerSettings" Target="../printerSettings/printerSettings13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8.bin"/><Relationship Id="rId2" Type="http://schemas.openxmlformats.org/officeDocument/2006/relationships/printerSettings" Target="../printerSettings/printerSettings17.bin"/><Relationship Id="rId1" Type="http://schemas.openxmlformats.org/officeDocument/2006/relationships/printerSettings" Target="../printerSettings/printerSettings16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1.bin"/><Relationship Id="rId2" Type="http://schemas.openxmlformats.org/officeDocument/2006/relationships/printerSettings" Target="../printerSettings/printerSettings20.bin"/><Relationship Id="rId1" Type="http://schemas.openxmlformats.org/officeDocument/2006/relationships/printerSettings" Target="../printerSettings/printerSettings1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4:D142"/>
  <sheetViews>
    <sheetView topLeftCell="A19" workbookViewId="0">
      <selection activeCell="D16" sqref="D16"/>
    </sheetView>
  </sheetViews>
  <sheetFormatPr defaultRowHeight="15" x14ac:dyDescent="0.25"/>
  <cols>
    <col min="1" max="1" width="3.85546875" customWidth="1"/>
    <col min="2" max="2" width="71.140625" customWidth="1"/>
    <col min="4" max="4" width="77.28515625" customWidth="1"/>
  </cols>
  <sheetData>
    <row r="4" spans="1:4" ht="15.75" thickBot="1" x14ac:dyDescent="0.3"/>
    <row r="5" spans="1:4" ht="15.75" thickBot="1" x14ac:dyDescent="0.3">
      <c r="A5" s="16"/>
      <c r="B5" s="36" t="s">
        <v>256</v>
      </c>
    </row>
    <row r="6" spans="1:4" ht="15.75" thickBot="1" x14ac:dyDescent="0.3">
      <c r="A6" s="21" t="s">
        <v>626</v>
      </c>
      <c r="B6" s="28"/>
    </row>
    <row r="7" spans="1:4" x14ac:dyDescent="0.25">
      <c r="A7" s="29"/>
      <c r="B7" s="3" t="s">
        <v>637</v>
      </c>
    </row>
    <row r="8" spans="1:4" x14ac:dyDescent="0.25">
      <c r="A8" s="26"/>
      <c r="B8" s="1" t="s">
        <v>638</v>
      </c>
    </row>
    <row r="9" spans="1:4" x14ac:dyDescent="0.25">
      <c r="A9" s="26"/>
      <c r="B9" s="1" t="s">
        <v>279</v>
      </c>
    </row>
    <row r="10" spans="1:4" x14ac:dyDescent="0.25">
      <c r="A10" s="26"/>
      <c r="B10" s="1" t="s">
        <v>639</v>
      </c>
    </row>
    <row r="11" spans="1:4" ht="15.75" thickBot="1" x14ac:dyDescent="0.3">
      <c r="A11" s="27"/>
      <c r="B11" s="2" t="s">
        <v>640</v>
      </c>
    </row>
    <row r="12" spans="1:4" ht="15.75" thickBot="1" x14ac:dyDescent="0.3">
      <c r="D12" t="str">
        <f t="shared" ref="D12:D59" si="0">UPPER(B12)</f>
        <v/>
      </c>
    </row>
    <row r="13" spans="1:4" ht="15.75" thickBot="1" x14ac:dyDescent="0.3">
      <c r="A13" s="16"/>
      <c r="B13" s="36" t="s">
        <v>257</v>
      </c>
    </row>
    <row r="14" spans="1:4" ht="15.75" thickBot="1" x14ac:dyDescent="0.3">
      <c r="A14" s="21" t="s">
        <v>627</v>
      </c>
      <c r="B14" s="28"/>
      <c r="D14" t="str">
        <f t="shared" si="0"/>
        <v/>
      </c>
    </row>
    <row r="15" spans="1:4" x14ac:dyDescent="0.25">
      <c r="A15" s="29"/>
      <c r="B15" s="3" t="s">
        <v>124</v>
      </c>
    </row>
    <row r="16" spans="1:4" x14ac:dyDescent="0.25">
      <c r="A16" s="26"/>
      <c r="B16" s="1" t="s">
        <v>432</v>
      </c>
    </row>
    <row r="17" spans="1:2" x14ac:dyDescent="0.25">
      <c r="A17" s="26"/>
      <c r="B17" s="1" t="s">
        <v>641</v>
      </c>
    </row>
    <row r="18" spans="1:2" x14ac:dyDescent="0.25">
      <c r="A18" s="26"/>
      <c r="B18" s="1" t="s">
        <v>642</v>
      </c>
    </row>
    <row r="19" spans="1:2" x14ac:dyDescent="0.25">
      <c r="A19" s="26"/>
      <c r="B19" s="1" t="s">
        <v>643</v>
      </c>
    </row>
    <row r="20" spans="1:2" x14ac:dyDescent="0.25">
      <c r="A20" s="26"/>
      <c r="B20" s="1" t="s">
        <v>644</v>
      </c>
    </row>
    <row r="21" spans="1:2" x14ac:dyDescent="0.25">
      <c r="A21" s="26"/>
      <c r="B21" s="1" t="s">
        <v>645</v>
      </c>
    </row>
    <row r="22" spans="1:2" x14ac:dyDescent="0.25">
      <c r="A22" s="26"/>
      <c r="B22" s="1" t="s">
        <v>646</v>
      </c>
    </row>
    <row r="23" spans="1:2" x14ac:dyDescent="0.25">
      <c r="A23" s="26"/>
      <c r="B23" s="1" t="s">
        <v>647</v>
      </c>
    </row>
    <row r="24" spans="1:2" x14ac:dyDescent="0.25">
      <c r="A24" s="26"/>
      <c r="B24" s="1" t="s">
        <v>648</v>
      </c>
    </row>
    <row r="25" spans="1:2" x14ac:dyDescent="0.25">
      <c r="A25" s="26"/>
      <c r="B25" s="1" t="s">
        <v>649</v>
      </c>
    </row>
    <row r="26" spans="1:2" x14ac:dyDescent="0.25">
      <c r="A26" s="26"/>
      <c r="B26" s="1" t="s">
        <v>650</v>
      </c>
    </row>
    <row r="27" spans="1:2" x14ac:dyDescent="0.25">
      <c r="A27" s="26"/>
      <c r="B27" s="1" t="s">
        <v>651</v>
      </c>
    </row>
    <row r="28" spans="1:2" x14ac:dyDescent="0.25">
      <c r="A28" s="26"/>
      <c r="B28" s="1" t="s">
        <v>652</v>
      </c>
    </row>
    <row r="29" spans="1:2" x14ac:dyDescent="0.25">
      <c r="A29" s="26"/>
      <c r="B29" s="1" t="s">
        <v>653</v>
      </c>
    </row>
    <row r="30" spans="1:2" x14ac:dyDescent="0.25">
      <c r="A30" s="26"/>
      <c r="B30" s="1" t="s">
        <v>654</v>
      </c>
    </row>
    <row r="31" spans="1:2" x14ac:dyDescent="0.25">
      <c r="A31" s="26"/>
      <c r="B31" s="1" t="s">
        <v>223</v>
      </c>
    </row>
    <row r="32" spans="1:2" x14ac:dyDescent="0.25">
      <c r="A32" s="26"/>
      <c r="B32" s="1" t="s">
        <v>655</v>
      </c>
    </row>
    <row r="33" spans="1:4" x14ac:dyDescent="0.25">
      <c r="A33" s="26"/>
      <c r="B33" s="1" t="s">
        <v>656</v>
      </c>
    </row>
    <row r="34" spans="1:4" x14ac:dyDescent="0.25">
      <c r="A34" s="26"/>
      <c r="B34" s="1" t="s">
        <v>657</v>
      </c>
    </row>
    <row r="35" spans="1:4" x14ac:dyDescent="0.25">
      <c r="A35" s="26"/>
      <c r="B35" s="1" t="s">
        <v>658</v>
      </c>
    </row>
    <row r="36" spans="1:4" ht="15.75" thickBot="1" x14ac:dyDescent="0.3">
      <c r="A36" s="27"/>
      <c r="B36" s="2" t="s">
        <v>420</v>
      </c>
    </row>
    <row r="37" spans="1:4" ht="15.75" thickBot="1" x14ac:dyDescent="0.3">
      <c r="D37" t="str">
        <f t="shared" si="0"/>
        <v/>
      </c>
    </row>
    <row r="38" spans="1:4" ht="15.75" thickBot="1" x14ac:dyDescent="0.3">
      <c r="A38" s="16"/>
      <c r="B38" s="36" t="s">
        <v>258</v>
      </c>
    </row>
    <row r="39" spans="1:4" ht="15.75" thickBot="1" x14ac:dyDescent="0.3">
      <c r="A39" s="21" t="s">
        <v>628</v>
      </c>
      <c r="B39" s="28"/>
      <c r="D39" t="str">
        <f t="shared" si="0"/>
        <v/>
      </c>
    </row>
    <row r="40" spans="1:4" x14ac:dyDescent="0.25">
      <c r="A40" s="8"/>
      <c r="B40" s="9" t="s">
        <v>659</v>
      </c>
    </row>
    <row r="41" spans="1:4" x14ac:dyDescent="0.25">
      <c r="A41" s="6"/>
      <c r="B41" s="5" t="s">
        <v>660</v>
      </c>
    </row>
    <row r="42" spans="1:4" x14ac:dyDescent="0.25">
      <c r="A42" s="6"/>
      <c r="B42" s="5" t="s">
        <v>661</v>
      </c>
    </row>
    <row r="43" spans="1:4" x14ac:dyDescent="0.25">
      <c r="A43" s="6"/>
      <c r="B43" s="5" t="s">
        <v>662</v>
      </c>
    </row>
    <row r="44" spans="1:4" x14ac:dyDescent="0.25">
      <c r="A44" s="6"/>
      <c r="B44" s="5" t="s">
        <v>663</v>
      </c>
    </row>
    <row r="45" spans="1:4" x14ac:dyDescent="0.25">
      <c r="A45" s="6"/>
      <c r="B45" s="5" t="s">
        <v>664</v>
      </c>
    </row>
    <row r="46" spans="1:4" x14ac:dyDescent="0.25">
      <c r="A46" s="6"/>
      <c r="B46" s="5" t="s">
        <v>665</v>
      </c>
    </row>
    <row r="47" spans="1:4" x14ac:dyDescent="0.25">
      <c r="A47" s="6"/>
      <c r="B47" s="5" t="s">
        <v>666</v>
      </c>
    </row>
    <row r="48" spans="1:4" x14ac:dyDescent="0.25">
      <c r="A48" s="6"/>
      <c r="B48" s="5" t="s">
        <v>667</v>
      </c>
    </row>
    <row r="49" spans="1:4" x14ac:dyDescent="0.25">
      <c r="A49" s="6"/>
      <c r="B49" s="5" t="s">
        <v>668</v>
      </c>
    </row>
    <row r="50" spans="1:4" x14ac:dyDescent="0.25">
      <c r="A50" s="6"/>
      <c r="B50" s="5" t="s">
        <v>669</v>
      </c>
    </row>
    <row r="51" spans="1:4" x14ac:dyDescent="0.25">
      <c r="A51" s="6"/>
      <c r="B51" s="5" t="s">
        <v>670</v>
      </c>
    </row>
    <row r="52" spans="1:4" x14ac:dyDescent="0.25">
      <c r="A52" s="6"/>
      <c r="B52" s="5" t="s">
        <v>671</v>
      </c>
    </row>
    <row r="53" spans="1:4" x14ac:dyDescent="0.25">
      <c r="A53" s="6"/>
      <c r="B53" s="5" t="s">
        <v>672</v>
      </c>
    </row>
    <row r="54" spans="1:4" x14ac:dyDescent="0.25">
      <c r="A54" s="6"/>
      <c r="B54" s="5" t="s">
        <v>673</v>
      </c>
    </row>
    <row r="55" spans="1:4" x14ac:dyDescent="0.25">
      <c r="A55" s="6"/>
      <c r="B55" s="5" t="s">
        <v>674</v>
      </c>
    </row>
    <row r="56" spans="1:4" ht="15.75" thickBot="1" x14ac:dyDescent="0.3">
      <c r="A56" s="7"/>
      <c r="B56" s="23" t="s">
        <v>675</v>
      </c>
    </row>
    <row r="57" spans="1:4" ht="15.75" thickBot="1" x14ac:dyDescent="0.3">
      <c r="D57" t="str">
        <f t="shared" si="0"/>
        <v/>
      </c>
    </row>
    <row r="58" spans="1:4" ht="15.75" thickBot="1" x14ac:dyDescent="0.3">
      <c r="A58" s="16"/>
      <c r="B58" s="36" t="s">
        <v>259</v>
      </c>
    </row>
    <row r="59" spans="1:4" ht="15.75" thickBot="1" x14ac:dyDescent="0.3">
      <c r="A59" s="21" t="s">
        <v>629</v>
      </c>
      <c r="B59" s="28"/>
      <c r="D59" t="str">
        <f t="shared" si="0"/>
        <v/>
      </c>
    </row>
    <row r="60" spans="1:4" x14ac:dyDescent="0.25">
      <c r="A60" s="8"/>
      <c r="B60" s="9" t="s">
        <v>676</v>
      </c>
    </row>
    <row r="61" spans="1:4" x14ac:dyDescent="0.25">
      <c r="A61" s="6"/>
      <c r="B61" s="5" t="s">
        <v>677</v>
      </c>
    </row>
    <row r="62" spans="1:4" x14ac:dyDescent="0.25">
      <c r="A62" s="6"/>
      <c r="B62" s="5" t="s">
        <v>678</v>
      </c>
    </row>
    <row r="63" spans="1:4" x14ac:dyDescent="0.25">
      <c r="A63" s="6"/>
      <c r="B63" s="5" t="s">
        <v>642</v>
      </c>
    </row>
    <row r="64" spans="1:4" x14ac:dyDescent="0.25">
      <c r="A64" s="6"/>
      <c r="B64" s="5" t="s">
        <v>679</v>
      </c>
    </row>
    <row r="65" spans="1:4" x14ac:dyDescent="0.25">
      <c r="A65" s="6"/>
      <c r="B65" s="5" t="s">
        <v>680</v>
      </c>
    </row>
    <row r="66" spans="1:4" x14ac:dyDescent="0.25">
      <c r="A66" s="6"/>
      <c r="B66" s="5" t="s">
        <v>681</v>
      </c>
    </row>
    <row r="67" spans="1:4" x14ac:dyDescent="0.25">
      <c r="A67" s="6"/>
      <c r="B67" s="5" t="s">
        <v>682</v>
      </c>
    </row>
    <row r="68" spans="1:4" x14ac:dyDescent="0.25">
      <c r="A68" s="6"/>
      <c r="B68" s="5" t="s">
        <v>683</v>
      </c>
    </row>
    <row r="69" spans="1:4" x14ac:dyDescent="0.25">
      <c r="A69" s="6"/>
      <c r="B69" s="5" t="s">
        <v>684</v>
      </c>
    </row>
    <row r="70" spans="1:4" x14ac:dyDescent="0.25">
      <c r="A70" s="6"/>
      <c r="B70" s="5" t="s">
        <v>685</v>
      </c>
    </row>
    <row r="71" spans="1:4" x14ac:dyDescent="0.25">
      <c r="A71" s="6"/>
      <c r="B71" s="5" t="s">
        <v>686</v>
      </c>
    </row>
    <row r="72" spans="1:4" x14ac:dyDescent="0.25">
      <c r="A72" s="6"/>
      <c r="B72" s="5" t="s">
        <v>687</v>
      </c>
    </row>
    <row r="73" spans="1:4" x14ac:dyDescent="0.25">
      <c r="A73" s="6"/>
      <c r="B73" s="5" t="s">
        <v>688</v>
      </c>
    </row>
    <row r="74" spans="1:4" x14ac:dyDescent="0.25">
      <c r="A74" s="6"/>
      <c r="B74" s="5" t="s">
        <v>689</v>
      </c>
    </row>
    <row r="75" spans="1:4" x14ac:dyDescent="0.25">
      <c r="A75" s="6"/>
      <c r="B75" s="5" t="s">
        <v>690</v>
      </c>
    </row>
    <row r="76" spans="1:4" x14ac:dyDescent="0.25">
      <c r="A76" s="43"/>
      <c r="B76" s="42" t="s">
        <v>691</v>
      </c>
    </row>
    <row r="77" spans="1:4" ht="15.75" thickBot="1" x14ac:dyDescent="0.3">
      <c r="A77" s="7"/>
      <c r="B77" s="23" t="s">
        <v>692</v>
      </c>
    </row>
    <row r="78" spans="1:4" ht="15.75" thickBot="1" x14ac:dyDescent="0.3">
      <c r="D78" t="str">
        <f t="shared" ref="D78:D135" si="1">UPPER(B78)</f>
        <v/>
      </c>
    </row>
    <row r="79" spans="1:4" ht="15.75" thickBot="1" x14ac:dyDescent="0.3">
      <c r="A79" s="16"/>
      <c r="B79" s="36" t="s">
        <v>260</v>
      </c>
    </row>
    <row r="80" spans="1:4" ht="15.75" thickBot="1" x14ac:dyDescent="0.3">
      <c r="A80" s="21" t="s">
        <v>630</v>
      </c>
      <c r="B80" s="21"/>
      <c r="D80" t="str">
        <f t="shared" si="1"/>
        <v/>
      </c>
    </row>
    <row r="81" spans="1:4" x14ac:dyDescent="0.25">
      <c r="A81" s="8"/>
      <c r="B81" s="9" t="s">
        <v>693</v>
      </c>
    </row>
    <row r="82" spans="1:4" x14ac:dyDescent="0.25">
      <c r="A82" s="6"/>
      <c r="B82" s="5" t="s">
        <v>261</v>
      </c>
    </row>
    <row r="83" spans="1:4" ht="15.75" thickBot="1" x14ac:dyDescent="0.3">
      <c r="A83" s="7"/>
      <c r="B83" s="23" t="s">
        <v>262</v>
      </c>
    </row>
    <row r="84" spans="1:4" ht="15.75" thickBot="1" x14ac:dyDescent="0.3">
      <c r="D84" t="str">
        <f t="shared" si="1"/>
        <v/>
      </c>
    </row>
    <row r="85" spans="1:4" ht="15.75" thickBot="1" x14ac:dyDescent="0.3">
      <c r="A85" s="16"/>
      <c r="B85" s="36" t="s">
        <v>263</v>
      </c>
    </row>
    <row r="86" spans="1:4" ht="15.75" thickBot="1" x14ac:dyDescent="0.3">
      <c r="A86" s="21" t="s">
        <v>631</v>
      </c>
      <c r="B86" s="28"/>
      <c r="D86" t="str">
        <f t="shared" si="1"/>
        <v/>
      </c>
    </row>
    <row r="87" spans="1:4" x14ac:dyDescent="0.25">
      <c r="A87" s="29"/>
      <c r="B87" s="3" t="s">
        <v>694</v>
      </c>
    </row>
    <row r="88" spans="1:4" x14ac:dyDescent="0.25">
      <c r="A88" s="26"/>
      <c r="B88" s="1" t="s">
        <v>695</v>
      </c>
    </row>
    <row r="89" spans="1:4" x14ac:dyDescent="0.25">
      <c r="A89" s="26"/>
      <c r="B89" s="1" t="s">
        <v>696</v>
      </c>
    </row>
    <row r="90" spans="1:4" x14ac:dyDescent="0.25">
      <c r="A90" s="26"/>
      <c r="B90" s="1" t="s">
        <v>697</v>
      </c>
    </row>
    <row r="91" spans="1:4" ht="15.75" thickBot="1" x14ac:dyDescent="0.3">
      <c r="A91" s="27"/>
      <c r="B91" s="2" t="s">
        <v>698</v>
      </c>
    </row>
    <row r="92" spans="1:4" ht="15.75" thickBot="1" x14ac:dyDescent="0.3">
      <c r="D92" t="str">
        <f t="shared" si="1"/>
        <v/>
      </c>
    </row>
    <row r="93" spans="1:4" ht="15.75" thickBot="1" x14ac:dyDescent="0.3">
      <c r="A93" s="16"/>
      <c r="B93" s="36" t="s">
        <v>264</v>
      </c>
    </row>
    <row r="94" spans="1:4" ht="15.75" thickBot="1" x14ac:dyDescent="0.3">
      <c r="A94" s="21" t="s">
        <v>632</v>
      </c>
      <c r="B94" s="28"/>
      <c r="D94" t="str">
        <f t="shared" si="1"/>
        <v/>
      </c>
    </row>
    <row r="95" spans="1:4" x14ac:dyDescent="0.25">
      <c r="A95" s="8"/>
      <c r="B95" s="9" t="s">
        <v>699</v>
      </c>
    </row>
    <row r="96" spans="1:4" x14ac:dyDescent="0.25">
      <c r="A96" s="6"/>
      <c r="B96" s="5" t="s">
        <v>700</v>
      </c>
    </row>
    <row r="97" spans="1:4" x14ac:dyDescent="0.25">
      <c r="A97" s="6"/>
      <c r="B97" s="5" t="s">
        <v>701</v>
      </c>
    </row>
    <row r="98" spans="1:4" x14ac:dyDescent="0.25">
      <c r="A98" s="6"/>
      <c r="B98" s="5" t="s">
        <v>702</v>
      </c>
    </row>
    <row r="99" spans="1:4" x14ac:dyDescent="0.25">
      <c r="A99" s="6"/>
      <c r="B99" s="5" t="s">
        <v>703</v>
      </c>
    </row>
    <row r="100" spans="1:4" x14ac:dyDescent="0.25">
      <c r="A100" s="6"/>
      <c r="B100" s="5" t="s">
        <v>704</v>
      </c>
    </row>
    <row r="101" spans="1:4" x14ac:dyDescent="0.25">
      <c r="A101" s="6"/>
      <c r="B101" s="5" t="s">
        <v>705</v>
      </c>
    </row>
    <row r="102" spans="1:4" x14ac:dyDescent="0.25">
      <c r="A102" s="6"/>
      <c r="B102" s="5" t="s">
        <v>706</v>
      </c>
    </row>
    <row r="103" spans="1:4" x14ac:dyDescent="0.25">
      <c r="A103" s="6"/>
      <c r="B103" s="5" t="s">
        <v>707</v>
      </c>
    </row>
    <row r="104" spans="1:4" x14ac:dyDescent="0.25">
      <c r="A104" s="6"/>
      <c r="B104" s="5" t="s">
        <v>708</v>
      </c>
    </row>
    <row r="105" spans="1:4" x14ac:dyDescent="0.25">
      <c r="A105" s="6"/>
      <c r="B105" s="5" t="s">
        <v>709</v>
      </c>
    </row>
    <row r="106" spans="1:4" x14ac:dyDescent="0.25">
      <c r="A106" s="6"/>
      <c r="B106" s="5" t="s">
        <v>710</v>
      </c>
    </row>
    <row r="107" spans="1:4" x14ac:dyDescent="0.25">
      <c r="A107" s="6"/>
      <c r="B107" s="5" t="s">
        <v>711</v>
      </c>
    </row>
    <row r="108" spans="1:4" x14ac:dyDescent="0.25">
      <c r="A108" s="6"/>
      <c r="B108" s="5" t="s">
        <v>712</v>
      </c>
    </row>
    <row r="109" spans="1:4" x14ac:dyDescent="0.25">
      <c r="A109" s="6"/>
      <c r="B109" s="5" t="s">
        <v>713</v>
      </c>
    </row>
    <row r="110" spans="1:4" ht="15.75" thickBot="1" x14ac:dyDescent="0.3">
      <c r="A110" s="7"/>
      <c r="B110" s="23" t="s">
        <v>714</v>
      </c>
    </row>
    <row r="111" spans="1:4" ht="15.75" thickBot="1" x14ac:dyDescent="0.3">
      <c r="D111" t="str">
        <f t="shared" si="1"/>
        <v/>
      </c>
    </row>
    <row r="112" spans="1:4" ht="15.75" thickBot="1" x14ac:dyDescent="0.3">
      <c r="A112" s="16"/>
      <c r="B112" s="36" t="s">
        <v>265</v>
      </c>
    </row>
    <row r="113" spans="1:4" ht="15.75" thickBot="1" x14ac:dyDescent="0.3">
      <c r="A113" s="21" t="s">
        <v>633</v>
      </c>
      <c r="B113" s="28"/>
      <c r="D113" t="str">
        <f t="shared" si="1"/>
        <v/>
      </c>
    </row>
    <row r="114" spans="1:4" x14ac:dyDescent="0.25">
      <c r="A114" s="8"/>
      <c r="B114" s="9" t="s">
        <v>124</v>
      </c>
    </row>
    <row r="115" spans="1:4" x14ac:dyDescent="0.25">
      <c r="A115" s="6"/>
      <c r="B115" s="5" t="s">
        <v>715</v>
      </c>
    </row>
    <row r="116" spans="1:4" x14ac:dyDescent="0.25">
      <c r="A116" s="6"/>
      <c r="B116" s="5" t="s">
        <v>716</v>
      </c>
    </row>
    <row r="117" spans="1:4" x14ac:dyDescent="0.25">
      <c r="A117" s="6"/>
      <c r="B117" s="5" t="s">
        <v>717</v>
      </c>
    </row>
    <row r="118" spans="1:4" ht="15.75" thickBot="1" x14ac:dyDescent="0.3">
      <c r="A118" s="7"/>
      <c r="B118" s="23" t="s">
        <v>718</v>
      </c>
    </row>
    <row r="119" spans="1:4" ht="15.75" thickBot="1" x14ac:dyDescent="0.3"/>
    <row r="120" spans="1:4" ht="15.75" thickBot="1" x14ac:dyDescent="0.3">
      <c r="A120" s="16"/>
      <c r="B120" s="36" t="s">
        <v>266</v>
      </c>
    </row>
    <row r="121" spans="1:4" ht="15.75" thickBot="1" x14ac:dyDescent="0.3">
      <c r="A121" s="21" t="s">
        <v>634</v>
      </c>
      <c r="B121" s="28"/>
      <c r="D121" t="str">
        <f t="shared" si="1"/>
        <v/>
      </c>
    </row>
    <row r="122" spans="1:4" x14ac:dyDescent="0.25">
      <c r="A122" s="8"/>
      <c r="B122" s="9" t="s">
        <v>719</v>
      </c>
    </row>
    <row r="123" spans="1:4" x14ac:dyDescent="0.25">
      <c r="A123" s="6"/>
      <c r="B123" s="5" t="s">
        <v>720</v>
      </c>
    </row>
    <row r="124" spans="1:4" ht="15.75" thickBot="1" x14ac:dyDescent="0.3">
      <c r="A124" s="7"/>
      <c r="B124" s="23" t="s">
        <v>721</v>
      </c>
    </row>
    <row r="125" spans="1:4" ht="15.75" thickBot="1" x14ac:dyDescent="0.3">
      <c r="D125" t="str">
        <f t="shared" si="1"/>
        <v/>
      </c>
    </row>
    <row r="126" spans="1:4" ht="15.75" thickBot="1" x14ac:dyDescent="0.3">
      <c r="A126" s="16"/>
      <c r="B126" s="36" t="s">
        <v>267</v>
      </c>
    </row>
    <row r="127" spans="1:4" ht="15.75" thickBot="1" x14ac:dyDescent="0.3">
      <c r="A127" s="21" t="s">
        <v>635</v>
      </c>
      <c r="B127" s="28"/>
      <c r="D127" t="str">
        <f t="shared" si="1"/>
        <v/>
      </c>
    </row>
    <row r="128" spans="1:4" x14ac:dyDescent="0.25">
      <c r="A128" s="29"/>
      <c r="B128" s="3" t="s">
        <v>722</v>
      </c>
    </row>
    <row r="129" spans="1:4" x14ac:dyDescent="0.25">
      <c r="A129" s="26"/>
      <c r="B129" s="1" t="s">
        <v>723</v>
      </c>
    </row>
    <row r="130" spans="1:4" x14ac:dyDescent="0.25">
      <c r="A130" s="26"/>
      <c r="B130" s="1" t="s">
        <v>724</v>
      </c>
    </row>
    <row r="131" spans="1:4" x14ac:dyDescent="0.25">
      <c r="A131" s="26"/>
      <c r="B131" s="1" t="s">
        <v>725</v>
      </c>
    </row>
    <row r="132" spans="1:4" ht="15.75" thickBot="1" x14ac:dyDescent="0.3">
      <c r="A132" s="27"/>
      <c r="B132" s="2" t="s">
        <v>726</v>
      </c>
    </row>
    <row r="133" spans="1:4" ht="15.75" thickBot="1" x14ac:dyDescent="0.3">
      <c r="D133" t="str">
        <f t="shared" si="1"/>
        <v/>
      </c>
    </row>
    <row r="134" spans="1:4" ht="15.75" thickBot="1" x14ac:dyDescent="0.3">
      <c r="A134" s="16"/>
      <c r="B134" s="36" t="s">
        <v>268</v>
      </c>
    </row>
    <row r="135" spans="1:4" ht="15.75" thickBot="1" x14ac:dyDescent="0.3">
      <c r="A135" s="21" t="s">
        <v>636</v>
      </c>
      <c r="B135" s="28"/>
      <c r="D135" t="str">
        <f t="shared" si="1"/>
        <v/>
      </c>
    </row>
    <row r="136" spans="1:4" x14ac:dyDescent="0.25">
      <c r="A136" s="8"/>
      <c r="B136" s="9" t="s">
        <v>727</v>
      </c>
    </row>
    <row r="137" spans="1:4" x14ac:dyDescent="0.25">
      <c r="A137" s="6"/>
      <c r="B137" s="5" t="s">
        <v>728</v>
      </c>
    </row>
    <row r="138" spans="1:4" x14ac:dyDescent="0.25">
      <c r="A138" s="6"/>
      <c r="B138" s="5" t="s">
        <v>729</v>
      </c>
    </row>
    <row r="139" spans="1:4" x14ac:dyDescent="0.25">
      <c r="A139" s="6"/>
      <c r="B139" s="5" t="s">
        <v>730</v>
      </c>
    </row>
    <row r="140" spans="1:4" x14ac:dyDescent="0.25">
      <c r="A140" s="6"/>
      <c r="B140" s="5" t="s">
        <v>731</v>
      </c>
    </row>
    <row r="141" spans="1:4" x14ac:dyDescent="0.25">
      <c r="A141" s="6"/>
      <c r="B141" s="5" t="s">
        <v>732</v>
      </c>
    </row>
    <row r="142" spans="1:4" ht="15.75" thickBot="1" x14ac:dyDescent="0.3">
      <c r="A142" s="7"/>
      <c r="B142" s="23" t="s">
        <v>733</v>
      </c>
    </row>
  </sheetData>
  <sheetProtection password="F113" sheet="1" objects="1" scenarios="1"/>
  <customSheetViews>
    <customSheetView guid="{EC814CE1-0F1E-4212-A340-F06F8C30AE5D}" topLeftCell="A19">
      <selection activeCell="D16" sqref="D16"/>
      <pageMargins left="0.7" right="0.7" top="0.75" bottom="0.75" header="0.3" footer="0.3"/>
    </customSheetView>
    <customSheetView guid="{A251BD93-D9C7-4F55-9631-01CAEE64168F}" topLeftCell="A19">
      <selection activeCell="D16" sqref="D16"/>
      <pageMargins left="0.7" right="0.7" top="0.75" bottom="0.75" header="0.3" footer="0.3"/>
    </customSheetView>
  </customSheetView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4:D350"/>
  <sheetViews>
    <sheetView topLeftCell="A293" workbookViewId="0">
      <selection activeCell="B282" sqref="B282"/>
    </sheetView>
  </sheetViews>
  <sheetFormatPr defaultRowHeight="15" x14ac:dyDescent="0.25"/>
  <cols>
    <col min="1" max="1" width="3.28515625" customWidth="1"/>
    <col min="2" max="2" width="81.85546875" customWidth="1"/>
    <col min="4" max="4" width="58.42578125" customWidth="1"/>
  </cols>
  <sheetData>
    <row r="4" spans="1:2" ht="15.75" thickBot="1" x14ac:dyDescent="0.3"/>
    <row r="5" spans="1:2" ht="15.75" thickBot="1" x14ac:dyDescent="0.3">
      <c r="A5" s="16"/>
      <c r="B5" s="36" t="s">
        <v>239</v>
      </c>
    </row>
    <row r="6" spans="1:2" ht="15.75" thickBot="1" x14ac:dyDescent="0.3">
      <c r="A6" s="21" t="s">
        <v>411</v>
      </c>
      <c r="B6" s="12"/>
    </row>
    <row r="7" spans="1:2" x14ac:dyDescent="0.25">
      <c r="A7" s="8"/>
      <c r="B7" s="9" t="s">
        <v>311</v>
      </c>
    </row>
    <row r="8" spans="1:2" x14ac:dyDescent="0.25">
      <c r="A8" s="6"/>
      <c r="B8" s="5" t="s">
        <v>312</v>
      </c>
    </row>
    <row r="9" spans="1:2" x14ac:dyDescent="0.25">
      <c r="A9" s="6"/>
      <c r="B9" s="5" t="s">
        <v>313</v>
      </c>
    </row>
    <row r="10" spans="1:2" x14ac:dyDescent="0.25">
      <c r="A10" s="6"/>
      <c r="B10" s="5" t="s">
        <v>314</v>
      </c>
    </row>
    <row r="11" spans="1:2" x14ac:dyDescent="0.25">
      <c r="A11" s="6"/>
      <c r="B11" s="5" t="s">
        <v>315</v>
      </c>
    </row>
    <row r="12" spans="1:2" x14ac:dyDescent="0.25">
      <c r="A12" s="6"/>
      <c r="B12" s="5" t="s">
        <v>316</v>
      </c>
    </row>
    <row r="13" spans="1:2" x14ac:dyDescent="0.25">
      <c r="A13" s="6"/>
      <c r="B13" s="5" t="s">
        <v>317</v>
      </c>
    </row>
    <row r="14" spans="1:2" x14ac:dyDescent="0.25">
      <c r="A14" s="6"/>
      <c r="B14" s="5" t="s">
        <v>318</v>
      </c>
    </row>
    <row r="15" spans="1:2" x14ac:dyDescent="0.25">
      <c r="A15" s="6"/>
      <c r="B15" s="5" t="s">
        <v>319</v>
      </c>
    </row>
    <row r="16" spans="1:2" x14ac:dyDescent="0.25">
      <c r="A16" s="6"/>
      <c r="B16" s="5" t="s">
        <v>320</v>
      </c>
    </row>
    <row r="17" spans="1:2" x14ac:dyDescent="0.25">
      <c r="A17" s="6"/>
      <c r="B17" s="5" t="s">
        <v>321</v>
      </c>
    </row>
    <row r="18" spans="1:2" x14ac:dyDescent="0.25">
      <c r="A18" s="6"/>
      <c r="B18" s="5" t="s">
        <v>322</v>
      </c>
    </row>
    <row r="19" spans="1:2" x14ac:dyDescent="0.25">
      <c r="A19" s="6"/>
      <c r="B19" s="5" t="s">
        <v>323</v>
      </c>
    </row>
    <row r="20" spans="1:2" x14ac:dyDescent="0.25">
      <c r="A20" s="6"/>
      <c r="B20" s="5" t="s">
        <v>324</v>
      </c>
    </row>
    <row r="21" spans="1:2" x14ac:dyDescent="0.25">
      <c r="A21" s="6"/>
      <c r="B21" s="5" t="s">
        <v>325</v>
      </c>
    </row>
    <row r="22" spans="1:2" x14ac:dyDescent="0.25">
      <c r="A22" s="6"/>
      <c r="B22" s="5" t="s">
        <v>326</v>
      </c>
    </row>
    <row r="23" spans="1:2" x14ac:dyDescent="0.25">
      <c r="A23" s="6"/>
      <c r="B23" s="5" t="s">
        <v>327</v>
      </c>
    </row>
    <row r="24" spans="1:2" x14ac:dyDescent="0.25">
      <c r="A24" s="6"/>
      <c r="B24" s="5" t="s">
        <v>328</v>
      </c>
    </row>
    <row r="25" spans="1:2" x14ac:dyDescent="0.25">
      <c r="A25" s="6"/>
      <c r="B25" s="5" t="s">
        <v>329</v>
      </c>
    </row>
    <row r="26" spans="1:2" x14ac:dyDescent="0.25">
      <c r="A26" s="6"/>
      <c r="B26" s="5" t="s">
        <v>330</v>
      </c>
    </row>
    <row r="27" spans="1:2" x14ac:dyDescent="0.25">
      <c r="A27" s="6"/>
      <c r="B27" s="5" t="s">
        <v>331</v>
      </c>
    </row>
    <row r="28" spans="1:2" x14ac:dyDescent="0.25">
      <c r="A28" s="6"/>
      <c r="B28" s="5" t="s">
        <v>332</v>
      </c>
    </row>
    <row r="29" spans="1:2" x14ac:dyDescent="0.25">
      <c r="A29" s="6"/>
      <c r="B29" s="5" t="s">
        <v>333</v>
      </c>
    </row>
    <row r="30" spans="1:2" x14ac:dyDescent="0.25">
      <c r="A30" s="6"/>
      <c r="B30" s="5" t="s">
        <v>334</v>
      </c>
    </row>
    <row r="31" spans="1:2" x14ac:dyDescent="0.25">
      <c r="A31" s="6"/>
      <c r="B31" s="5" t="s">
        <v>335</v>
      </c>
    </row>
    <row r="32" spans="1:2" x14ac:dyDescent="0.25">
      <c r="A32" s="6"/>
      <c r="B32" s="5" t="s">
        <v>336</v>
      </c>
    </row>
    <row r="33" spans="1:2" x14ac:dyDescent="0.25">
      <c r="A33" s="6"/>
      <c r="B33" s="5" t="s">
        <v>337</v>
      </c>
    </row>
    <row r="34" spans="1:2" x14ac:dyDescent="0.25">
      <c r="A34" s="6"/>
      <c r="B34" s="5" t="s">
        <v>338</v>
      </c>
    </row>
    <row r="35" spans="1:2" x14ac:dyDescent="0.25">
      <c r="A35" s="6"/>
      <c r="B35" s="5" t="s">
        <v>339</v>
      </c>
    </row>
    <row r="36" spans="1:2" x14ac:dyDescent="0.25">
      <c r="A36" s="6"/>
      <c r="B36" s="5" t="s">
        <v>340</v>
      </c>
    </row>
    <row r="37" spans="1:2" x14ac:dyDescent="0.25">
      <c r="A37" s="6"/>
      <c r="B37" s="5" t="s">
        <v>341</v>
      </c>
    </row>
    <row r="38" spans="1:2" x14ac:dyDescent="0.25">
      <c r="A38" s="6"/>
      <c r="B38" s="5" t="s">
        <v>342</v>
      </c>
    </row>
    <row r="39" spans="1:2" x14ac:dyDescent="0.25">
      <c r="A39" s="6"/>
      <c r="B39" s="5" t="s">
        <v>343</v>
      </c>
    </row>
    <row r="40" spans="1:2" x14ac:dyDescent="0.25">
      <c r="A40" s="6"/>
      <c r="B40" s="5" t="s">
        <v>344</v>
      </c>
    </row>
    <row r="41" spans="1:2" x14ac:dyDescent="0.25">
      <c r="A41" s="6"/>
      <c r="B41" s="5" t="s">
        <v>345</v>
      </c>
    </row>
    <row r="42" spans="1:2" x14ac:dyDescent="0.25">
      <c r="A42" s="6"/>
      <c r="B42" s="5" t="s">
        <v>346</v>
      </c>
    </row>
    <row r="43" spans="1:2" x14ac:dyDescent="0.25">
      <c r="A43" s="6"/>
      <c r="B43" s="5" t="s">
        <v>347</v>
      </c>
    </row>
    <row r="44" spans="1:2" x14ac:dyDescent="0.25">
      <c r="A44" s="6"/>
      <c r="B44" s="5" t="s">
        <v>348</v>
      </c>
    </row>
    <row r="45" spans="1:2" x14ac:dyDescent="0.25">
      <c r="A45" s="6"/>
      <c r="B45" s="5" t="s">
        <v>349</v>
      </c>
    </row>
    <row r="46" spans="1:2" x14ac:dyDescent="0.25">
      <c r="A46" s="6"/>
      <c r="B46" s="5" t="s">
        <v>350</v>
      </c>
    </row>
    <row r="47" spans="1:2" x14ac:dyDescent="0.25">
      <c r="A47" s="6"/>
      <c r="B47" s="5" t="s">
        <v>351</v>
      </c>
    </row>
    <row r="48" spans="1:2" x14ac:dyDescent="0.25">
      <c r="A48" s="6"/>
      <c r="B48" s="5" t="s">
        <v>352</v>
      </c>
    </row>
    <row r="49" spans="1:2" x14ac:dyDescent="0.25">
      <c r="A49" s="6"/>
      <c r="B49" s="5" t="s">
        <v>353</v>
      </c>
    </row>
    <row r="50" spans="1:2" x14ac:dyDescent="0.25">
      <c r="A50" s="6"/>
      <c r="B50" s="5" t="s">
        <v>354</v>
      </c>
    </row>
    <row r="51" spans="1:2" x14ac:dyDescent="0.25">
      <c r="A51" s="6"/>
      <c r="B51" s="5" t="s">
        <v>355</v>
      </c>
    </row>
    <row r="52" spans="1:2" x14ac:dyDescent="0.25">
      <c r="A52" s="6"/>
      <c r="B52" s="5" t="s">
        <v>356</v>
      </c>
    </row>
    <row r="53" spans="1:2" x14ac:dyDescent="0.25">
      <c r="A53" s="6"/>
      <c r="B53" s="5" t="s">
        <v>357</v>
      </c>
    </row>
    <row r="54" spans="1:2" x14ac:dyDescent="0.25">
      <c r="A54" s="6"/>
      <c r="B54" s="5" t="s">
        <v>358</v>
      </c>
    </row>
    <row r="55" spans="1:2" x14ac:dyDescent="0.25">
      <c r="A55" s="6"/>
      <c r="B55" s="5" t="s">
        <v>359</v>
      </c>
    </row>
    <row r="56" spans="1:2" x14ac:dyDescent="0.25">
      <c r="A56" s="6"/>
      <c r="B56" s="5" t="s">
        <v>360</v>
      </c>
    </row>
    <row r="57" spans="1:2" x14ac:dyDescent="0.25">
      <c r="A57" s="6"/>
      <c r="B57" s="5" t="s">
        <v>361</v>
      </c>
    </row>
    <row r="58" spans="1:2" x14ac:dyDescent="0.25">
      <c r="A58" s="6"/>
      <c r="B58" s="5" t="s">
        <v>362</v>
      </c>
    </row>
    <row r="59" spans="1:2" x14ac:dyDescent="0.25">
      <c r="A59" s="6"/>
      <c r="B59" s="5" t="s">
        <v>363</v>
      </c>
    </row>
    <row r="60" spans="1:2" x14ac:dyDescent="0.25">
      <c r="A60" s="6"/>
      <c r="B60" s="5" t="s">
        <v>364</v>
      </c>
    </row>
    <row r="61" spans="1:2" x14ac:dyDescent="0.25">
      <c r="A61" s="6"/>
      <c r="B61" s="5" t="s">
        <v>365</v>
      </c>
    </row>
    <row r="62" spans="1:2" x14ac:dyDescent="0.25">
      <c r="A62" s="6"/>
      <c r="B62" s="5" t="s">
        <v>366</v>
      </c>
    </row>
    <row r="63" spans="1:2" x14ac:dyDescent="0.25">
      <c r="A63" s="6"/>
      <c r="B63" s="5" t="s">
        <v>367</v>
      </c>
    </row>
    <row r="64" spans="1:2" x14ac:dyDescent="0.25">
      <c r="A64" s="6"/>
      <c r="B64" s="5" t="s">
        <v>368</v>
      </c>
    </row>
    <row r="65" spans="1:2" x14ac:dyDescent="0.25">
      <c r="A65" s="6"/>
      <c r="B65" s="5" t="s">
        <v>369</v>
      </c>
    </row>
    <row r="66" spans="1:2" x14ac:dyDescent="0.25">
      <c r="A66" s="6"/>
      <c r="B66" s="5" t="s">
        <v>370</v>
      </c>
    </row>
    <row r="67" spans="1:2" x14ac:dyDescent="0.25">
      <c r="A67" s="6"/>
      <c r="B67" s="5" t="s">
        <v>371</v>
      </c>
    </row>
    <row r="68" spans="1:2" x14ac:dyDescent="0.25">
      <c r="A68" s="6"/>
      <c r="B68" s="5" t="s">
        <v>372</v>
      </c>
    </row>
    <row r="69" spans="1:2" x14ac:dyDescent="0.25">
      <c r="A69" s="6"/>
      <c r="B69" s="5" t="s">
        <v>373</v>
      </c>
    </row>
    <row r="70" spans="1:2" x14ac:dyDescent="0.25">
      <c r="A70" s="6"/>
      <c r="B70" s="5" t="s">
        <v>374</v>
      </c>
    </row>
    <row r="71" spans="1:2" x14ac:dyDescent="0.25">
      <c r="A71" s="6"/>
      <c r="B71" s="5" t="s">
        <v>375</v>
      </c>
    </row>
    <row r="72" spans="1:2" x14ac:dyDescent="0.25">
      <c r="A72" s="6"/>
      <c r="B72" s="5" t="s">
        <v>376</v>
      </c>
    </row>
    <row r="73" spans="1:2" x14ac:dyDescent="0.25">
      <c r="A73" s="6"/>
      <c r="B73" s="5" t="s">
        <v>377</v>
      </c>
    </row>
    <row r="74" spans="1:2" x14ac:dyDescent="0.25">
      <c r="A74" s="6"/>
      <c r="B74" s="5" t="s">
        <v>378</v>
      </c>
    </row>
    <row r="75" spans="1:2" x14ac:dyDescent="0.25">
      <c r="A75" s="6"/>
      <c r="B75" s="5" t="s">
        <v>379</v>
      </c>
    </row>
    <row r="76" spans="1:2" x14ac:dyDescent="0.25">
      <c r="A76" s="6"/>
      <c r="B76" s="5" t="s">
        <v>380</v>
      </c>
    </row>
    <row r="77" spans="1:2" x14ac:dyDescent="0.25">
      <c r="A77" s="6"/>
      <c r="B77" s="5" t="s">
        <v>381</v>
      </c>
    </row>
    <row r="78" spans="1:2" x14ac:dyDescent="0.25">
      <c r="A78" s="6"/>
      <c r="B78" s="5" t="s">
        <v>382</v>
      </c>
    </row>
    <row r="79" spans="1:2" x14ac:dyDescent="0.25">
      <c r="A79" s="6"/>
      <c r="B79" s="5" t="s">
        <v>383</v>
      </c>
    </row>
    <row r="80" spans="1:2" x14ac:dyDescent="0.25">
      <c r="A80" s="6"/>
      <c r="B80" s="5" t="s">
        <v>384</v>
      </c>
    </row>
    <row r="81" spans="1:2" x14ac:dyDescent="0.25">
      <c r="A81" s="6"/>
      <c r="B81" s="5" t="s">
        <v>385</v>
      </c>
    </row>
    <row r="82" spans="1:2" x14ac:dyDescent="0.25">
      <c r="A82" s="6"/>
      <c r="B82" s="5" t="s">
        <v>386</v>
      </c>
    </row>
    <row r="83" spans="1:2" x14ac:dyDescent="0.25">
      <c r="A83" s="6"/>
      <c r="B83" s="5" t="s">
        <v>387</v>
      </c>
    </row>
    <row r="84" spans="1:2" x14ac:dyDescent="0.25">
      <c r="A84" s="6"/>
      <c r="B84" s="5" t="s">
        <v>388</v>
      </c>
    </row>
    <row r="85" spans="1:2" x14ac:dyDescent="0.25">
      <c r="A85" s="6"/>
      <c r="B85" s="5" t="s">
        <v>389</v>
      </c>
    </row>
    <row r="86" spans="1:2" x14ac:dyDescent="0.25">
      <c r="A86" s="6"/>
      <c r="B86" s="5" t="s">
        <v>390</v>
      </c>
    </row>
    <row r="87" spans="1:2" x14ac:dyDescent="0.25">
      <c r="A87" s="6"/>
      <c r="B87" s="5" t="s">
        <v>391</v>
      </c>
    </row>
    <row r="88" spans="1:2" x14ac:dyDescent="0.25">
      <c r="A88" s="6"/>
      <c r="B88" s="5" t="s">
        <v>392</v>
      </c>
    </row>
    <row r="89" spans="1:2" x14ac:dyDescent="0.25">
      <c r="A89" s="6"/>
      <c r="B89" s="5" t="s">
        <v>393</v>
      </c>
    </row>
    <row r="90" spans="1:2" x14ac:dyDescent="0.25">
      <c r="A90" s="6"/>
      <c r="B90" s="5" t="s">
        <v>394</v>
      </c>
    </row>
    <row r="91" spans="1:2" x14ac:dyDescent="0.25">
      <c r="A91" s="6"/>
      <c r="B91" s="5" t="s">
        <v>395</v>
      </c>
    </row>
    <row r="92" spans="1:2" x14ac:dyDescent="0.25">
      <c r="A92" s="6"/>
      <c r="B92" s="5" t="s">
        <v>396</v>
      </c>
    </row>
    <row r="93" spans="1:2" x14ac:dyDescent="0.25">
      <c r="A93" s="6"/>
      <c r="B93" s="5" t="s">
        <v>397</v>
      </c>
    </row>
    <row r="94" spans="1:2" x14ac:dyDescent="0.25">
      <c r="A94" s="6"/>
      <c r="B94" s="5" t="s">
        <v>398</v>
      </c>
    </row>
    <row r="95" spans="1:2" x14ac:dyDescent="0.25">
      <c r="A95" s="6"/>
      <c r="B95" s="5" t="s">
        <v>399</v>
      </c>
    </row>
    <row r="96" spans="1:2" x14ac:dyDescent="0.25">
      <c r="A96" s="6"/>
      <c r="B96" s="5" t="s">
        <v>400</v>
      </c>
    </row>
    <row r="97" spans="1:2" x14ac:dyDescent="0.25">
      <c r="A97" s="6"/>
      <c r="B97" s="5" t="s">
        <v>401</v>
      </c>
    </row>
    <row r="98" spans="1:2" x14ac:dyDescent="0.25">
      <c r="A98" s="6"/>
      <c r="B98" s="5" t="s">
        <v>402</v>
      </c>
    </row>
    <row r="99" spans="1:2" x14ac:dyDescent="0.25">
      <c r="A99" s="6"/>
      <c r="B99" s="5" t="s">
        <v>403</v>
      </c>
    </row>
    <row r="100" spans="1:2" x14ac:dyDescent="0.25">
      <c r="A100" s="6"/>
      <c r="B100" s="5" t="s">
        <v>404</v>
      </c>
    </row>
    <row r="101" spans="1:2" x14ac:dyDescent="0.25">
      <c r="A101" s="6"/>
      <c r="B101" s="5" t="s">
        <v>405</v>
      </c>
    </row>
    <row r="102" spans="1:2" x14ac:dyDescent="0.25">
      <c r="A102" s="6"/>
      <c r="B102" s="5" t="s">
        <v>406</v>
      </c>
    </row>
    <row r="103" spans="1:2" x14ac:dyDescent="0.25">
      <c r="A103" s="6"/>
      <c r="B103" s="5" t="s">
        <v>407</v>
      </c>
    </row>
    <row r="104" spans="1:2" x14ac:dyDescent="0.25">
      <c r="A104" s="6"/>
      <c r="B104" s="5" t="s">
        <v>408</v>
      </c>
    </row>
    <row r="105" spans="1:2" x14ac:dyDescent="0.25">
      <c r="A105" s="6"/>
      <c r="B105" s="5" t="s">
        <v>409</v>
      </c>
    </row>
    <row r="106" spans="1:2" ht="15.75" thickBot="1" x14ac:dyDescent="0.3">
      <c r="A106" s="7"/>
      <c r="B106" s="23" t="s">
        <v>410</v>
      </c>
    </row>
    <row r="107" spans="1:2" ht="15.75" thickBot="1" x14ac:dyDescent="0.3"/>
    <row r="108" spans="1:2" ht="15.75" thickBot="1" x14ac:dyDescent="0.3">
      <c r="A108" s="16"/>
      <c r="B108" s="36" t="s">
        <v>240</v>
      </c>
    </row>
    <row r="109" spans="1:2" ht="15.75" thickBot="1" x14ac:dyDescent="0.3">
      <c r="A109" s="21" t="s">
        <v>412</v>
      </c>
      <c r="B109" s="12"/>
    </row>
    <row r="110" spans="1:2" x14ac:dyDescent="0.25">
      <c r="A110" s="8"/>
      <c r="B110" s="9" t="s">
        <v>413</v>
      </c>
    </row>
    <row r="111" spans="1:2" x14ac:dyDescent="0.25">
      <c r="A111" s="6"/>
      <c r="B111" s="5" t="s">
        <v>414</v>
      </c>
    </row>
    <row r="112" spans="1:2" x14ac:dyDescent="0.25">
      <c r="A112" s="6"/>
      <c r="B112" s="5" t="s">
        <v>415</v>
      </c>
    </row>
    <row r="113" spans="1:2" x14ac:dyDescent="0.25">
      <c r="A113" s="6"/>
      <c r="B113" s="5" t="s">
        <v>416</v>
      </c>
    </row>
    <row r="114" spans="1:2" x14ac:dyDescent="0.25">
      <c r="A114" s="6"/>
      <c r="B114" s="5" t="s">
        <v>417</v>
      </c>
    </row>
    <row r="115" spans="1:2" x14ac:dyDescent="0.25">
      <c r="A115" s="6"/>
      <c r="B115" s="5" t="s">
        <v>418</v>
      </c>
    </row>
    <row r="116" spans="1:2" x14ac:dyDescent="0.25">
      <c r="A116" s="6"/>
      <c r="B116" s="5" t="s">
        <v>419</v>
      </c>
    </row>
    <row r="117" spans="1:2" x14ac:dyDescent="0.25">
      <c r="A117" s="6"/>
      <c r="B117" s="5" t="s">
        <v>420</v>
      </c>
    </row>
    <row r="118" spans="1:2" x14ac:dyDescent="0.25">
      <c r="A118" s="6"/>
      <c r="B118" s="5" t="s">
        <v>421</v>
      </c>
    </row>
    <row r="119" spans="1:2" x14ac:dyDescent="0.25">
      <c r="A119" s="6"/>
      <c r="B119" s="5" t="s">
        <v>422</v>
      </c>
    </row>
    <row r="120" spans="1:2" x14ac:dyDescent="0.25">
      <c r="A120" s="6"/>
      <c r="B120" s="5" t="s">
        <v>423</v>
      </c>
    </row>
    <row r="121" spans="1:2" x14ac:dyDescent="0.25">
      <c r="A121" s="6"/>
      <c r="B121" s="5" t="s">
        <v>424</v>
      </c>
    </row>
    <row r="122" spans="1:2" x14ac:dyDescent="0.25">
      <c r="A122" s="6"/>
      <c r="B122" s="5" t="s">
        <v>425</v>
      </c>
    </row>
    <row r="123" spans="1:2" x14ac:dyDescent="0.25">
      <c r="A123" s="6"/>
      <c r="B123" s="5" t="s">
        <v>426</v>
      </c>
    </row>
    <row r="124" spans="1:2" x14ac:dyDescent="0.25">
      <c r="A124" s="6"/>
      <c r="B124" s="5" t="s">
        <v>427</v>
      </c>
    </row>
    <row r="125" spans="1:2" x14ac:dyDescent="0.25">
      <c r="A125" s="6"/>
      <c r="B125" s="5" t="s">
        <v>428</v>
      </c>
    </row>
    <row r="126" spans="1:2" x14ac:dyDescent="0.25">
      <c r="A126" s="6"/>
      <c r="B126" s="5" t="s">
        <v>429</v>
      </c>
    </row>
    <row r="127" spans="1:2" x14ac:dyDescent="0.25">
      <c r="A127" s="6"/>
      <c r="B127" s="5" t="s">
        <v>430</v>
      </c>
    </row>
    <row r="128" spans="1:2" x14ac:dyDescent="0.25">
      <c r="A128" s="6"/>
      <c r="B128" s="5" t="s">
        <v>431</v>
      </c>
    </row>
    <row r="129" spans="1:2" x14ac:dyDescent="0.25">
      <c r="A129" s="6"/>
      <c r="B129" s="5" t="s">
        <v>432</v>
      </c>
    </row>
    <row r="130" spans="1:2" x14ac:dyDescent="0.25">
      <c r="A130" s="6"/>
      <c r="B130" s="5" t="s">
        <v>433</v>
      </c>
    </row>
    <row r="131" spans="1:2" x14ac:dyDescent="0.25">
      <c r="A131" s="6"/>
      <c r="B131" s="5" t="s">
        <v>434</v>
      </c>
    </row>
    <row r="132" spans="1:2" x14ac:dyDescent="0.25">
      <c r="A132" s="6"/>
      <c r="B132" s="5" t="s">
        <v>435</v>
      </c>
    </row>
    <row r="133" spans="1:2" x14ac:dyDescent="0.25">
      <c r="A133" s="6"/>
      <c r="B133" s="5" t="s">
        <v>436</v>
      </c>
    </row>
    <row r="134" spans="1:2" x14ac:dyDescent="0.25">
      <c r="A134" s="6"/>
      <c r="B134" s="5" t="s">
        <v>437</v>
      </c>
    </row>
    <row r="135" spans="1:2" x14ac:dyDescent="0.25">
      <c r="A135" s="6"/>
      <c r="B135" s="5" t="s">
        <v>438</v>
      </c>
    </row>
    <row r="136" spans="1:2" x14ac:dyDescent="0.25">
      <c r="A136" s="6"/>
      <c r="B136" s="5" t="s">
        <v>439</v>
      </c>
    </row>
    <row r="137" spans="1:2" x14ac:dyDescent="0.25">
      <c r="A137" s="6"/>
      <c r="B137" s="5" t="s">
        <v>440</v>
      </c>
    </row>
    <row r="138" spans="1:2" x14ac:dyDescent="0.25">
      <c r="A138" s="6"/>
      <c r="B138" s="5" t="s">
        <v>441</v>
      </c>
    </row>
    <row r="139" spans="1:2" x14ac:dyDescent="0.25">
      <c r="A139" s="6"/>
      <c r="B139" s="5" t="s">
        <v>442</v>
      </c>
    </row>
    <row r="140" spans="1:2" x14ac:dyDescent="0.25">
      <c r="A140" s="6"/>
      <c r="B140" s="5" t="s">
        <v>443</v>
      </c>
    </row>
    <row r="141" spans="1:2" x14ac:dyDescent="0.25">
      <c r="A141" s="6"/>
      <c r="B141" s="5" t="s">
        <v>444</v>
      </c>
    </row>
    <row r="142" spans="1:2" x14ac:dyDescent="0.25">
      <c r="A142" s="6"/>
      <c r="B142" s="5" t="s">
        <v>445</v>
      </c>
    </row>
    <row r="143" spans="1:2" x14ac:dyDescent="0.25">
      <c r="A143" s="6"/>
      <c r="B143" s="5" t="s">
        <v>446</v>
      </c>
    </row>
    <row r="144" spans="1:2" x14ac:dyDescent="0.25">
      <c r="A144" s="6"/>
      <c r="B144" s="5" t="s">
        <v>447</v>
      </c>
    </row>
    <row r="145" spans="1:2" x14ac:dyDescent="0.25">
      <c r="A145" s="6"/>
      <c r="B145" s="5" t="s">
        <v>448</v>
      </c>
    </row>
    <row r="146" spans="1:2" x14ac:dyDescent="0.25">
      <c r="A146" s="6"/>
      <c r="B146" s="5" t="s">
        <v>449</v>
      </c>
    </row>
    <row r="147" spans="1:2" x14ac:dyDescent="0.25">
      <c r="A147" s="6"/>
      <c r="B147" s="5" t="s">
        <v>450</v>
      </c>
    </row>
    <row r="148" spans="1:2" x14ac:dyDescent="0.25">
      <c r="A148" s="6"/>
      <c r="B148" s="5" t="s">
        <v>451</v>
      </c>
    </row>
    <row r="149" spans="1:2" ht="15.75" thickBot="1" x14ac:dyDescent="0.3">
      <c r="A149" s="7"/>
      <c r="B149" s="23" t="s">
        <v>452</v>
      </c>
    </row>
    <row r="150" spans="1:2" ht="15.75" thickBot="1" x14ac:dyDescent="0.3"/>
    <row r="151" spans="1:2" ht="15.75" thickBot="1" x14ac:dyDescent="0.3">
      <c r="A151" s="20"/>
      <c r="B151" s="37" t="s">
        <v>241</v>
      </c>
    </row>
    <row r="152" spans="1:2" ht="15.75" thickBot="1" x14ac:dyDescent="0.3">
      <c r="A152" s="21" t="s">
        <v>453</v>
      </c>
      <c r="B152" s="28"/>
    </row>
    <row r="153" spans="1:2" x14ac:dyDescent="0.25">
      <c r="A153" s="8"/>
      <c r="B153" s="13" t="s">
        <v>454</v>
      </c>
    </row>
    <row r="154" spans="1:2" x14ac:dyDescent="0.25">
      <c r="A154" s="6"/>
      <c r="B154" s="6" t="s">
        <v>455</v>
      </c>
    </row>
    <row r="155" spans="1:2" x14ac:dyDescent="0.25">
      <c r="A155" s="6"/>
      <c r="B155" s="6" t="s">
        <v>456</v>
      </c>
    </row>
    <row r="156" spans="1:2" x14ac:dyDescent="0.25">
      <c r="A156" s="6"/>
      <c r="B156" s="6" t="s">
        <v>457</v>
      </c>
    </row>
    <row r="157" spans="1:2" x14ac:dyDescent="0.25">
      <c r="A157" s="6"/>
      <c r="B157" s="6" t="s">
        <v>458</v>
      </c>
    </row>
    <row r="158" spans="1:2" x14ac:dyDescent="0.25">
      <c r="A158" s="6"/>
      <c r="B158" s="6" t="s">
        <v>459</v>
      </c>
    </row>
    <row r="159" spans="1:2" x14ac:dyDescent="0.25">
      <c r="A159" s="6"/>
      <c r="B159" s="6" t="s">
        <v>460</v>
      </c>
    </row>
    <row r="160" spans="1:2" x14ac:dyDescent="0.25">
      <c r="A160" s="6"/>
      <c r="B160" s="6" t="s">
        <v>461</v>
      </c>
    </row>
    <row r="161" spans="1:2" x14ac:dyDescent="0.25">
      <c r="A161" s="6"/>
      <c r="B161" s="6" t="s">
        <v>462</v>
      </c>
    </row>
    <row r="162" spans="1:2" x14ac:dyDescent="0.25">
      <c r="A162" s="6"/>
      <c r="B162" s="6" t="s">
        <v>463</v>
      </c>
    </row>
    <row r="163" spans="1:2" x14ac:dyDescent="0.25">
      <c r="A163" s="6"/>
      <c r="B163" s="6" t="s">
        <v>464</v>
      </c>
    </row>
    <row r="164" spans="1:2" x14ac:dyDescent="0.25">
      <c r="A164" s="6"/>
      <c r="B164" s="6" t="s">
        <v>465</v>
      </c>
    </row>
    <row r="165" spans="1:2" x14ac:dyDescent="0.25">
      <c r="A165" s="6"/>
      <c r="B165" s="6" t="s">
        <v>466</v>
      </c>
    </row>
    <row r="166" spans="1:2" x14ac:dyDescent="0.25">
      <c r="A166" s="6"/>
      <c r="B166" s="6" t="s">
        <v>467</v>
      </c>
    </row>
    <row r="167" spans="1:2" x14ac:dyDescent="0.25">
      <c r="A167" s="6"/>
      <c r="B167" s="6" t="s">
        <v>468</v>
      </c>
    </row>
    <row r="168" spans="1:2" x14ac:dyDescent="0.25">
      <c r="A168" s="6"/>
      <c r="B168" s="6" t="s">
        <v>469</v>
      </c>
    </row>
    <row r="169" spans="1:2" ht="15.75" thickBot="1" x14ac:dyDescent="0.3">
      <c r="A169" s="7"/>
      <c r="B169" s="7" t="s">
        <v>470</v>
      </c>
    </row>
    <row r="170" spans="1:2" ht="15.75" thickBot="1" x14ac:dyDescent="0.3"/>
    <row r="171" spans="1:2" ht="15.75" thickBot="1" x14ac:dyDescent="0.3">
      <c r="A171" s="20"/>
      <c r="B171" s="37" t="s">
        <v>242</v>
      </c>
    </row>
    <row r="172" spans="1:2" ht="15.75" thickBot="1" x14ac:dyDescent="0.3">
      <c r="A172" s="21" t="s">
        <v>471</v>
      </c>
      <c r="B172" s="28"/>
    </row>
    <row r="173" spans="1:2" x14ac:dyDescent="0.25">
      <c r="A173" s="8"/>
      <c r="B173" s="9" t="s">
        <v>472</v>
      </c>
    </row>
    <row r="174" spans="1:2" x14ac:dyDescent="0.25">
      <c r="A174" s="6"/>
      <c r="B174" s="5" t="s">
        <v>473</v>
      </c>
    </row>
    <row r="175" spans="1:2" x14ac:dyDescent="0.25">
      <c r="A175" s="6"/>
      <c r="B175" s="5" t="s">
        <v>474</v>
      </c>
    </row>
    <row r="176" spans="1:2" x14ac:dyDescent="0.25">
      <c r="A176" s="6"/>
      <c r="B176" s="5" t="s">
        <v>475</v>
      </c>
    </row>
    <row r="177" spans="1:2" x14ac:dyDescent="0.25">
      <c r="A177" s="6"/>
      <c r="B177" s="5" t="s">
        <v>476</v>
      </c>
    </row>
    <row r="178" spans="1:2" x14ac:dyDescent="0.25">
      <c r="A178" s="6"/>
      <c r="B178" s="5" t="s">
        <v>477</v>
      </c>
    </row>
    <row r="179" spans="1:2" x14ac:dyDescent="0.25">
      <c r="A179" s="6"/>
      <c r="B179" s="5" t="s">
        <v>478</v>
      </c>
    </row>
    <row r="180" spans="1:2" x14ac:dyDescent="0.25">
      <c r="A180" s="6"/>
      <c r="B180" s="5" t="s">
        <v>479</v>
      </c>
    </row>
    <row r="181" spans="1:2" x14ac:dyDescent="0.25">
      <c r="A181" s="6"/>
      <c r="B181" s="5" t="s">
        <v>480</v>
      </c>
    </row>
    <row r="182" spans="1:2" x14ac:dyDescent="0.25">
      <c r="A182" s="6"/>
      <c r="B182" s="5" t="s">
        <v>481</v>
      </c>
    </row>
    <row r="183" spans="1:2" x14ac:dyDescent="0.25">
      <c r="A183" s="6"/>
      <c r="B183" s="5" t="s">
        <v>482</v>
      </c>
    </row>
    <row r="184" spans="1:2" x14ac:dyDescent="0.25">
      <c r="A184" s="6"/>
      <c r="B184" s="5" t="s">
        <v>483</v>
      </c>
    </row>
    <row r="185" spans="1:2" x14ac:dyDescent="0.25">
      <c r="A185" s="6"/>
      <c r="B185" s="5" t="s">
        <v>484</v>
      </c>
    </row>
    <row r="186" spans="1:2" x14ac:dyDescent="0.25">
      <c r="A186" s="6"/>
      <c r="B186" s="5" t="s">
        <v>485</v>
      </c>
    </row>
    <row r="187" spans="1:2" x14ac:dyDescent="0.25">
      <c r="A187" s="6"/>
      <c r="B187" s="5" t="s">
        <v>486</v>
      </c>
    </row>
    <row r="188" spans="1:2" x14ac:dyDescent="0.25">
      <c r="A188" s="6"/>
      <c r="B188" s="5" t="s">
        <v>487</v>
      </c>
    </row>
    <row r="189" spans="1:2" x14ac:dyDescent="0.25">
      <c r="A189" s="6"/>
      <c r="B189" s="5" t="s">
        <v>488</v>
      </c>
    </row>
    <row r="190" spans="1:2" x14ac:dyDescent="0.25">
      <c r="A190" s="6"/>
      <c r="B190" s="5" t="s">
        <v>489</v>
      </c>
    </row>
    <row r="191" spans="1:2" x14ac:dyDescent="0.25">
      <c r="A191" s="6"/>
      <c r="B191" s="5" t="s">
        <v>490</v>
      </c>
    </row>
    <row r="192" spans="1:2" x14ac:dyDescent="0.25">
      <c r="A192" s="6"/>
      <c r="B192" s="5" t="s">
        <v>10</v>
      </c>
    </row>
    <row r="193" spans="1:2" x14ac:dyDescent="0.25">
      <c r="A193" s="6"/>
      <c r="B193" s="5" t="s">
        <v>491</v>
      </c>
    </row>
    <row r="194" spans="1:2" x14ac:dyDescent="0.25">
      <c r="A194" s="6"/>
      <c r="B194" s="5" t="s">
        <v>492</v>
      </c>
    </row>
    <row r="195" spans="1:2" x14ac:dyDescent="0.25">
      <c r="A195" s="6"/>
      <c r="B195" s="5" t="s">
        <v>276</v>
      </c>
    </row>
    <row r="196" spans="1:2" x14ac:dyDescent="0.25">
      <c r="A196" s="6"/>
      <c r="B196" s="5" t="s">
        <v>493</v>
      </c>
    </row>
    <row r="197" spans="1:2" x14ac:dyDescent="0.25">
      <c r="A197" s="6"/>
      <c r="B197" s="5" t="s">
        <v>11</v>
      </c>
    </row>
    <row r="198" spans="1:2" ht="15.75" thickBot="1" x14ac:dyDescent="0.3">
      <c r="A198" s="7"/>
      <c r="B198" s="23" t="s">
        <v>405</v>
      </c>
    </row>
    <row r="199" spans="1:2" ht="15.75" thickBot="1" x14ac:dyDescent="0.3"/>
    <row r="200" spans="1:2" ht="15.75" thickBot="1" x14ac:dyDescent="0.3">
      <c r="A200" s="13"/>
      <c r="B200" s="36" t="s">
        <v>243</v>
      </c>
    </row>
    <row r="201" spans="1:2" ht="15.75" thickBot="1" x14ac:dyDescent="0.3">
      <c r="A201" s="15" t="s">
        <v>494</v>
      </c>
      <c r="B201" s="21"/>
    </row>
    <row r="202" spans="1:2" x14ac:dyDescent="0.25">
      <c r="A202" s="6"/>
      <c r="B202" s="9" t="s">
        <v>495</v>
      </c>
    </row>
    <row r="203" spans="1:2" x14ac:dyDescent="0.25">
      <c r="A203" s="6"/>
      <c r="B203" s="5" t="s">
        <v>496</v>
      </c>
    </row>
    <row r="204" spans="1:2" x14ac:dyDescent="0.25">
      <c r="A204" s="6"/>
      <c r="B204" s="5" t="s">
        <v>497</v>
      </c>
    </row>
    <row r="205" spans="1:2" x14ac:dyDescent="0.25">
      <c r="A205" s="6"/>
      <c r="B205" s="5" t="s">
        <v>498</v>
      </c>
    </row>
    <row r="206" spans="1:2" x14ac:dyDescent="0.25">
      <c r="A206" s="6"/>
      <c r="B206" s="5" t="s">
        <v>499</v>
      </c>
    </row>
    <row r="207" spans="1:2" x14ac:dyDescent="0.25">
      <c r="A207" s="6"/>
      <c r="B207" s="5" t="s">
        <v>500</v>
      </c>
    </row>
    <row r="208" spans="1:2" x14ac:dyDescent="0.25">
      <c r="A208" s="6"/>
      <c r="B208" s="5" t="s">
        <v>501</v>
      </c>
    </row>
    <row r="209" spans="1:4" x14ac:dyDescent="0.25">
      <c r="A209" s="6"/>
      <c r="B209" s="5" t="s">
        <v>502</v>
      </c>
    </row>
    <row r="210" spans="1:4" x14ac:dyDescent="0.25">
      <c r="A210" s="6"/>
      <c r="B210" s="5" t="s">
        <v>503</v>
      </c>
    </row>
    <row r="211" spans="1:4" x14ac:dyDescent="0.25">
      <c r="A211" s="6"/>
      <c r="B211" s="5" t="s">
        <v>504</v>
      </c>
    </row>
    <row r="212" spans="1:4" x14ac:dyDescent="0.25">
      <c r="A212" s="6"/>
      <c r="B212" s="5" t="s">
        <v>505</v>
      </c>
    </row>
    <row r="213" spans="1:4" x14ac:dyDescent="0.25">
      <c r="A213" s="6"/>
      <c r="B213" s="5" t="s">
        <v>506</v>
      </c>
    </row>
    <row r="214" spans="1:4" ht="15.75" thickBot="1" x14ac:dyDescent="0.3">
      <c r="A214" s="7"/>
      <c r="B214" s="23" t="s">
        <v>507</v>
      </c>
    </row>
    <row r="215" spans="1:4" ht="15.75" thickBot="1" x14ac:dyDescent="0.3"/>
    <row r="216" spans="1:4" ht="15.75" thickBot="1" x14ac:dyDescent="0.3">
      <c r="A216" s="20"/>
      <c r="B216" s="37" t="s">
        <v>244</v>
      </c>
    </row>
    <row r="217" spans="1:4" ht="15.75" thickBot="1" x14ac:dyDescent="0.3">
      <c r="A217" s="38"/>
      <c r="B217" s="40" t="s">
        <v>625</v>
      </c>
      <c r="D217" t="str">
        <f>UPPER(A217)</f>
        <v/>
      </c>
    </row>
    <row r="218" spans="1:4" ht="15.75" thickBot="1" x14ac:dyDescent="0.3">
      <c r="A218" s="20"/>
      <c r="B218" s="8" t="s">
        <v>508</v>
      </c>
    </row>
    <row r="219" spans="1:4" x14ac:dyDescent="0.25">
      <c r="A219" s="8"/>
      <c r="B219" s="6" t="s">
        <v>509</v>
      </c>
    </row>
    <row r="220" spans="1:4" x14ac:dyDescent="0.25">
      <c r="A220" s="6"/>
      <c r="B220" s="6" t="s">
        <v>510</v>
      </c>
    </row>
    <row r="221" spans="1:4" x14ac:dyDescent="0.25">
      <c r="A221" s="6"/>
      <c r="B221" s="6" t="s">
        <v>511</v>
      </c>
    </row>
    <row r="222" spans="1:4" x14ac:dyDescent="0.25">
      <c r="A222" s="6"/>
      <c r="B222" s="6" t="s">
        <v>512</v>
      </c>
    </row>
    <row r="223" spans="1:4" x14ac:dyDescent="0.25">
      <c r="A223" s="6"/>
      <c r="B223" s="6" t="s">
        <v>513</v>
      </c>
    </row>
    <row r="224" spans="1:4" x14ac:dyDescent="0.25">
      <c r="A224" s="6"/>
      <c r="B224" s="6" t="s">
        <v>514</v>
      </c>
    </row>
    <row r="225" spans="1:4" ht="15.75" thickBot="1" x14ac:dyDescent="0.3">
      <c r="A225" s="7"/>
      <c r="B225" s="7" t="s">
        <v>515</v>
      </c>
      <c r="D225" t="str">
        <f t="shared" ref="D225" si="0">UPPER(B226)</f>
        <v/>
      </c>
    </row>
    <row r="226" spans="1:4" ht="15.75" thickBot="1" x14ac:dyDescent="0.3"/>
    <row r="227" spans="1:4" ht="15.75" thickBot="1" x14ac:dyDescent="0.3">
      <c r="A227" s="16"/>
      <c r="B227" s="36" t="s">
        <v>245</v>
      </c>
    </row>
    <row r="228" spans="1:4" ht="15.75" thickBot="1" x14ac:dyDescent="0.3">
      <c r="A228" s="21" t="s">
        <v>516</v>
      </c>
      <c r="B228" s="21"/>
    </row>
    <row r="229" spans="1:4" x14ac:dyDescent="0.25">
      <c r="A229" s="8"/>
      <c r="B229" s="9" t="s">
        <v>517</v>
      </c>
    </row>
    <row r="230" spans="1:4" x14ac:dyDescent="0.25">
      <c r="A230" s="6"/>
      <c r="B230" s="5" t="s">
        <v>518</v>
      </c>
    </row>
    <row r="231" spans="1:4" x14ac:dyDescent="0.25">
      <c r="A231" s="6"/>
      <c r="B231" s="5" t="s">
        <v>519</v>
      </c>
    </row>
    <row r="232" spans="1:4" x14ac:dyDescent="0.25">
      <c r="A232" s="6"/>
      <c r="B232" s="5" t="s">
        <v>520</v>
      </c>
    </row>
    <row r="233" spans="1:4" x14ac:dyDescent="0.25">
      <c r="A233" s="6"/>
      <c r="B233" s="5" t="s">
        <v>521</v>
      </c>
    </row>
    <row r="234" spans="1:4" x14ac:dyDescent="0.25">
      <c r="A234" s="6"/>
      <c r="B234" s="5" t="s">
        <v>522</v>
      </c>
    </row>
    <row r="235" spans="1:4" x14ac:dyDescent="0.25">
      <c r="A235" s="6"/>
      <c r="B235" s="5" t="s">
        <v>523</v>
      </c>
    </row>
    <row r="236" spans="1:4" x14ac:dyDescent="0.25">
      <c r="A236" s="6"/>
      <c r="B236" s="5" t="s">
        <v>524</v>
      </c>
    </row>
    <row r="237" spans="1:4" x14ac:dyDescent="0.25">
      <c r="A237" s="6"/>
      <c r="B237" s="5" t="s">
        <v>525</v>
      </c>
    </row>
    <row r="238" spans="1:4" x14ac:dyDescent="0.25">
      <c r="A238" s="6"/>
      <c r="B238" s="5" t="s">
        <v>526</v>
      </c>
    </row>
    <row r="239" spans="1:4" x14ac:dyDescent="0.25">
      <c r="A239" s="6"/>
      <c r="B239" s="5" t="s">
        <v>527</v>
      </c>
    </row>
    <row r="240" spans="1:4" x14ac:dyDescent="0.25">
      <c r="A240" s="6"/>
      <c r="B240" s="5" t="s">
        <v>528</v>
      </c>
    </row>
    <row r="241" spans="1:2" x14ac:dyDescent="0.25">
      <c r="A241" s="6"/>
      <c r="B241" s="5" t="s">
        <v>529</v>
      </c>
    </row>
    <row r="242" spans="1:2" ht="15.75" thickBot="1" x14ac:dyDescent="0.3">
      <c r="A242" s="7"/>
      <c r="B242" s="23" t="s">
        <v>530</v>
      </c>
    </row>
    <row r="243" spans="1:2" ht="15.75" thickBot="1" x14ac:dyDescent="0.3"/>
    <row r="244" spans="1:2" ht="15.75" thickBot="1" x14ac:dyDescent="0.3">
      <c r="A244" s="16"/>
      <c r="B244" s="36" t="s">
        <v>253</v>
      </c>
    </row>
    <row r="245" spans="1:2" ht="15.75" thickBot="1" x14ac:dyDescent="0.3">
      <c r="A245" s="21" t="s">
        <v>531</v>
      </c>
      <c r="B245" s="28"/>
    </row>
    <row r="246" spans="1:2" x14ac:dyDescent="0.25">
      <c r="A246" s="8"/>
      <c r="B246" s="9" t="s">
        <v>532</v>
      </c>
    </row>
    <row r="247" spans="1:2" x14ac:dyDescent="0.25">
      <c r="A247" s="6"/>
      <c r="B247" s="5" t="s">
        <v>533</v>
      </c>
    </row>
    <row r="248" spans="1:2" x14ac:dyDescent="0.25">
      <c r="A248" s="6"/>
      <c r="B248" s="5" t="s">
        <v>534</v>
      </c>
    </row>
    <row r="249" spans="1:2" x14ac:dyDescent="0.25">
      <c r="A249" s="6"/>
      <c r="B249" s="5" t="s">
        <v>535</v>
      </c>
    </row>
    <row r="250" spans="1:2" x14ac:dyDescent="0.25">
      <c r="A250" s="6"/>
      <c r="B250" s="5" t="s">
        <v>536</v>
      </c>
    </row>
    <row r="251" spans="1:2" x14ac:dyDescent="0.25">
      <c r="A251" s="6"/>
      <c r="B251" s="5" t="s">
        <v>537</v>
      </c>
    </row>
    <row r="252" spans="1:2" x14ac:dyDescent="0.25">
      <c r="A252" s="6"/>
      <c r="B252" s="5" t="s">
        <v>538</v>
      </c>
    </row>
    <row r="253" spans="1:2" x14ac:dyDescent="0.25">
      <c r="A253" s="6"/>
      <c r="B253" s="5" t="s">
        <v>539</v>
      </c>
    </row>
    <row r="254" spans="1:2" x14ac:dyDescent="0.25">
      <c r="A254" s="6"/>
      <c r="B254" s="5" t="s">
        <v>540</v>
      </c>
    </row>
    <row r="255" spans="1:2" x14ac:dyDescent="0.25">
      <c r="A255" s="6"/>
      <c r="B255" s="5" t="s">
        <v>541</v>
      </c>
    </row>
    <row r="256" spans="1:2" x14ac:dyDescent="0.25">
      <c r="A256" s="6"/>
      <c r="B256" s="5" t="s">
        <v>542</v>
      </c>
    </row>
    <row r="257" spans="1:2" x14ac:dyDescent="0.25">
      <c r="A257" s="6"/>
      <c r="B257" s="5" t="s">
        <v>543</v>
      </c>
    </row>
    <row r="258" spans="1:2" x14ac:dyDescent="0.25">
      <c r="A258" s="6"/>
      <c r="B258" s="5" t="s">
        <v>544</v>
      </c>
    </row>
    <row r="259" spans="1:2" x14ac:dyDescent="0.25">
      <c r="A259" s="6"/>
      <c r="B259" s="5" t="s">
        <v>545</v>
      </c>
    </row>
    <row r="260" spans="1:2" x14ac:dyDescent="0.25">
      <c r="A260" s="6"/>
      <c r="B260" s="5" t="s">
        <v>546</v>
      </c>
    </row>
    <row r="261" spans="1:2" x14ac:dyDescent="0.25">
      <c r="A261" s="6"/>
      <c r="B261" s="5" t="s">
        <v>547</v>
      </c>
    </row>
    <row r="262" spans="1:2" x14ac:dyDescent="0.25">
      <c r="A262" s="6"/>
      <c r="B262" s="5" t="s">
        <v>548</v>
      </c>
    </row>
    <row r="263" spans="1:2" x14ac:dyDescent="0.25">
      <c r="A263" s="6"/>
      <c r="B263" s="5" t="s">
        <v>549</v>
      </c>
    </row>
    <row r="264" spans="1:2" x14ac:dyDescent="0.25">
      <c r="A264" s="6"/>
      <c r="B264" s="5" t="s">
        <v>550</v>
      </c>
    </row>
    <row r="265" spans="1:2" x14ac:dyDescent="0.25">
      <c r="A265" s="6"/>
      <c r="B265" s="5" t="s">
        <v>551</v>
      </c>
    </row>
    <row r="266" spans="1:2" x14ac:dyDescent="0.25">
      <c r="A266" s="6"/>
      <c r="B266" s="5" t="s">
        <v>552</v>
      </c>
    </row>
    <row r="267" spans="1:2" x14ac:dyDescent="0.25">
      <c r="A267" s="6"/>
      <c r="B267" s="5" t="s">
        <v>553</v>
      </c>
    </row>
    <row r="268" spans="1:2" x14ac:dyDescent="0.25">
      <c r="A268" s="6"/>
      <c r="B268" s="5" t="s">
        <v>554</v>
      </c>
    </row>
    <row r="269" spans="1:2" x14ac:dyDescent="0.25">
      <c r="A269" s="6"/>
      <c r="B269" s="5" t="s">
        <v>555</v>
      </c>
    </row>
    <row r="270" spans="1:2" x14ac:dyDescent="0.25">
      <c r="A270" s="6"/>
      <c r="B270" s="5" t="s">
        <v>556</v>
      </c>
    </row>
    <row r="271" spans="1:2" x14ac:dyDescent="0.25">
      <c r="A271" s="6"/>
      <c r="B271" s="5" t="s">
        <v>557</v>
      </c>
    </row>
    <row r="272" spans="1:2" x14ac:dyDescent="0.25">
      <c r="A272" s="6"/>
      <c r="B272" s="5" t="s">
        <v>558</v>
      </c>
    </row>
    <row r="273" spans="1:2" x14ac:dyDescent="0.25">
      <c r="A273" s="6"/>
      <c r="B273" s="5" t="s">
        <v>559</v>
      </c>
    </row>
    <row r="274" spans="1:2" x14ac:dyDescent="0.25">
      <c r="A274" s="6"/>
      <c r="B274" s="5" t="s">
        <v>560</v>
      </c>
    </row>
    <row r="275" spans="1:2" x14ac:dyDescent="0.25">
      <c r="A275" s="6"/>
      <c r="B275" s="5" t="s">
        <v>561</v>
      </c>
    </row>
    <row r="276" spans="1:2" x14ac:dyDescent="0.25">
      <c r="A276" s="6"/>
      <c r="B276" s="5" t="s">
        <v>562</v>
      </c>
    </row>
    <row r="277" spans="1:2" x14ac:dyDescent="0.25">
      <c r="A277" s="6"/>
      <c r="B277" s="5" t="s">
        <v>563</v>
      </c>
    </row>
    <row r="278" spans="1:2" x14ac:dyDescent="0.25">
      <c r="A278" s="6"/>
      <c r="B278" s="5" t="s">
        <v>564</v>
      </c>
    </row>
    <row r="279" spans="1:2" x14ac:dyDescent="0.25">
      <c r="A279" s="6"/>
      <c r="B279" s="5" t="s">
        <v>565</v>
      </c>
    </row>
    <row r="280" spans="1:2" x14ac:dyDescent="0.25">
      <c r="A280" s="6"/>
      <c r="B280" s="5" t="s">
        <v>566</v>
      </c>
    </row>
    <row r="281" spans="1:2" x14ac:dyDescent="0.25">
      <c r="A281" s="6"/>
      <c r="B281" s="5" t="s">
        <v>567</v>
      </c>
    </row>
    <row r="282" spans="1:2" x14ac:dyDescent="0.25">
      <c r="A282" s="6"/>
      <c r="B282" s="5" t="s">
        <v>568</v>
      </c>
    </row>
    <row r="283" spans="1:2" x14ac:dyDescent="0.25">
      <c r="A283" s="6"/>
      <c r="B283" s="5" t="s">
        <v>569</v>
      </c>
    </row>
    <row r="284" spans="1:2" x14ac:dyDescent="0.25">
      <c r="A284" s="6"/>
      <c r="B284" s="5" t="s">
        <v>570</v>
      </c>
    </row>
    <row r="285" spans="1:2" x14ac:dyDescent="0.25">
      <c r="A285" s="6"/>
      <c r="B285" s="5" t="s">
        <v>571</v>
      </c>
    </row>
    <row r="286" spans="1:2" x14ac:dyDescent="0.25">
      <c r="A286" s="6"/>
      <c r="B286" s="5" t="s">
        <v>572</v>
      </c>
    </row>
    <row r="287" spans="1:2" x14ac:dyDescent="0.25">
      <c r="A287" s="6"/>
      <c r="B287" s="5" t="s">
        <v>573</v>
      </c>
    </row>
    <row r="288" spans="1:2" x14ac:dyDescent="0.25">
      <c r="A288" s="6"/>
      <c r="B288" s="5" t="s">
        <v>574</v>
      </c>
    </row>
    <row r="289" spans="1:4" x14ac:dyDescent="0.25">
      <c r="A289" s="6"/>
      <c r="B289" s="5" t="s">
        <v>575</v>
      </c>
    </row>
    <row r="290" spans="1:4" x14ac:dyDescent="0.25">
      <c r="A290" s="6"/>
      <c r="B290" s="5" t="s">
        <v>576</v>
      </c>
    </row>
    <row r="291" spans="1:4" x14ac:dyDescent="0.25">
      <c r="A291" s="6"/>
      <c r="B291" s="5" t="s">
        <v>577</v>
      </c>
    </row>
    <row r="292" spans="1:4" ht="15.75" thickBot="1" x14ac:dyDescent="0.3">
      <c r="A292" s="7"/>
      <c r="B292" s="23" t="s">
        <v>578</v>
      </c>
    </row>
    <row r="293" spans="1:4" ht="15.75" thickBot="1" x14ac:dyDescent="0.3">
      <c r="D293" t="str">
        <f t="shared" ref="D293:D297" si="1">UPPER(B293)</f>
        <v/>
      </c>
    </row>
    <row r="294" spans="1:4" ht="15.75" thickBot="1" x14ac:dyDescent="0.3">
      <c r="A294" s="16"/>
      <c r="B294" s="36" t="s">
        <v>254</v>
      </c>
    </row>
    <row r="295" spans="1:4" ht="15.75" thickBot="1" x14ac:dyDescent="0.3">
      <c r="A295" s="21" t="s">
        <v>580</v>
      </c>
      <c r="B295" s="28"/>
    </row>
    <row r="296" spans="1:4" ht="15.75" thickBot="1" x14ac:dyDescent="0.3">
      <c r="A296" s="39"/>
      <c r="B296" s="41" t="s">
        <v>579</v>
      </c>
    </row>
    <row r="297" spans="1:4" ht="15.75" thickBot="1" x14ac:dyDescent="0.3">
      <c r="D297" t="str">
        <f t="shared" si="1"/>
        <v/>
      </c>
    </row>
    <row r="298" spans="1:4" ht="15.75" thickBot="1" x14ac:dyDescent="0.3">
      <c r="A298" s="16"/>
      <c r="B298" s="36" t="s">
        <v>255</v>
      </c>
    </row>
    <row r="299" spans="1:4" ht="15.75" thickBot="1" x14ac:dyDescent="0.3">
      <c r="A299" s="21" t="s">
        <v>581</v>
      </c>
      <c r="B299" s="28"/>
    </row>
    <row r="300" spans="1:4" x14ac:dyDescent="0.25">
      <c r="A300" s="8"/>
      <c r="B300" s="9" t="s">
        <v>582</v>
      </c>
    </row>
    <row r="301" spans="1:4" x14ac:dyDescent="0.25">
      <c r="A301" s="6"/>
      <c r="B301" s="5" t="s">
        <v>583</v>
      </c>
    </row>
    <row r="302" spans="1:4" x14ac:dyDescent="0.25">
      <c r="A302" s="6"/>
      <c r="B302" s="5" t="s">
        <v>584</v>
      </c>
    </row>
    <row r="303" spans="1:4" x14ac:dyDescent="0.25">
      <c r="A303" s="6"/>
      <c r="B303" s="5" t="s">
        <v>585</v>
      </c>
    </row>
    <row r="304" spans="1:4" x14ac:dyDescent="0.25">
      <c r="A304" s="6"/>
      <c r="B304" s="5" t="s">
        <v>586</v>
      </c>
    </row>
    <row r="305" spans="1:2" x14ac:dyDescent="0.25">
      <c r="A305" s="6"/>
      <c r="B305" s="5" t="s">
        <v>587</v>
      </c>
    </row>
    <row r="306" spans="1:2" x14ac:dyDescent="0.25">
      <c r="A306" s="6"/>
      <c r="B306" s="5" t="s">
        <v>588</v>
      </c>
    </row>
    <row r="307" spans="1:2" x14ac:dyDescent="0.25">
      <c r="A307" s="6"/>
      <c r="B307" s="5" t="s">
        <v>589</v>
      </c>
    </row>
    <row r="308" spans="1:2" x14ac:dyDescent="0.25">
      <c r="A308" s="6"/>
      <c r="B308" s="5" t="s">
        <v>590</v>
      </c>
    </row>
    <row r="309" spans="1:2" x14ac:dyDescent="0.25">
      <c r="A309" s="6"/>
      <c r="B309" s="5" t="s">
        <v>591</v>
      </c>
    </row>
    <row r="310" spans="1:2" x14ac:dyDescent="0.25">
      <c r="A310" s="6"/>
      <c r="B310" s="5" t="s">
        <v>592</v>
      </c>
    </row>
    <row r="311" spans="1:2" x14ac:dyDescent="0.25">
      <c r="A311" s="6"/>
      <c r="B311" s="5" t="s">
        <v>593</v>
      </c>
    </row>
    <row r="312" spans="1:2" x14ac:dyDescent="0.25">
      <c r="A312" s="6"/>
      <c r="B312" s="5" t="s">
        <v>594</v>
      </c>
    </row>
    <row r="313" spans="1:2" x14ac:dyDescent="0.25">
      <c r="A313" s="6"/>
      <c r="B313" s="5" t="s">
        <v>595</v>
      </c>
    </row>
    <row r="314" spans="1:2" x14ac:dyDescent="0.25">
      <c r="A314" s="6"/>
      <c r="B314" s="5" t="s">
        <v>596</v>
      </c>
    </row>
    <row r="315" spans="1:2" x14ac:dyDescent="0.25">
      <c r="A315" s="6"/>
      <c r="B315" s="5" t="s">
        <v>597</v>
      </c>
    </row>
    <row r="316" spans="1:2" x14ac:dyDescent="0.25">
      <c r="A316" s="6"/>
      <c r="B316" s="5" t="s">
        <v>598</v>
      </c>
    </row>
    <row r="317" spans="1:2" x14ac:dyDescent="0.25">
      <c r="A317" s="6"/>
      <c r="B317" s="5" t="s">
        <v>599</v>
      </c>
    </row>
    <row r="318" spans="1:2" x14ac:dyDescent="0.25">
      <c r="A318" s="6"/>
      <c r="B318" s="5" t="s">
        <v>600</v>
      </c>
    </row>
    <row r="319" spans="1:2" x14ac:dyDescent="0.25">
      <c r="A319" s="6"/>
      <c r="B319" s="5" t="s">
        <v>601</v>
      </c>
    </row>
    <row r="320" spans="1:2" x14ac:dyDescent="0.25">
      <c r="A320" s="6"/>
      <c r="B320" s="5" t="s">
        <v>602</v>
      </c>
    </row>
    <row r="321" spans="1:2" x14ac:dyDescent="0.25">
      <c r="A321" s="6"/>
      <c r="B321" s="5" t="s">
        <v>603</v>
      </c>
    </row>
    <row r="322" spans="1:2" x14ac:dyDescent="0.25">
      <c r="A322" s="6"/>
      <c r="B322" s="5" t="s">
        <v>604</v>
      </c>
    </row>
    <row r="323" spans="1:2" x14ac:dyDescent="0.25">
      <c r="A323" s="6"/>
      <c r="B323" s="5" t="s">
        <v>605</v>
      </c>
    </row>
    <row r="324" spans="1:2" x14ac:dyDescent="0.25">
      <c r="A324" s="6"/>
      <c r="B324" s="5" t="s">
        <v>606</v>
      </c>
    </row>
    <row r="325" spans="1:2" x14ac:dyDescent="0.25">
      <c r="A325" s="6"/>
      <c r="B325" s="5" t="s">
        <v>607</v>
      </c>
    </row>
    <row r="326" spans="1:2" x14ac:dyDescent="0.25">
      <c r="A326" s="6"/>
      <c r="B326" s="5" t="s">
        <v>608</v>
      </c>
    </row>
    <row r="327" spans="1:2" x14ac:dyDescent="0.25">
      <c r="A327" s="6"/>
      <c r="B327" s="5" t="s">
        <v>609</v>
      </c>
    </row>
    <row r="328" spans="1:2" x14ac:dyDescent="0.25">
      <c r="A328" s="6"/>
      <c r="B328" s="5" t="s">
        <v>601</v>
      </c>
    </row>
    <row r="329" spans="1:2" x14ac:dyDescent="0.25">
      <c r="A329" s="6"/>
      <c r="B329" s="5" t="s">
        <v>602</v>
      </c>
    </row>
    <row r="330" spans="1:2" x14ac:dyDescent="0.25">
      <c r="A330" s="6"/>
      <c r="B330" s="5" t="s">
        <v>603</v>
      </c>
    </row>
    <row r="331" spans="1:2" x14ac:dyDescent="0.25">
      <c r="A331" s="6"/>
      <c r="B331" s="5" t="s">
        <v>604</v>
      </c>
    </row>
    <row r="332" spans="1:2" x14ac:dyDescent="0.25">
      <c r="A332" s="6"/>
      <c r="B332" s="5" t="s">
        <v>605</v>
      </c>
    </row>
    <row r="333" spans="1:2" x14ac:dyDescent="0.25">
      <c r="A333" s="6"/>
      <c r="B333" s="5" t="s">
        <v>606</v>
      </c>
    </row>
    <row r="334" spans="1:2" x14ac:dyDescent="0.25">
      <c r="A334" s="6"/>
      <c r="B334" s="5" t="s">
        <v>607</v>
      </c>
    </row>
    <row r="335" spans="1:2" x14ac:dyDescent="0.25">
      <c r="A335" s="6"/>
      <c r="B335" s="5" t="s">
        <v>608</v>
      </c>
    </row>
    <row r="336" spans="1:2" x14ac:dyDescent="0.25">
      <c r="A336" s="6"/>
      <c r="B336" s="5" t="s">
        <v>610</v>
      </c>
    </row>
    <row r="337" spans="1:2" x14ac:dyDescent="0.25">
      <c r="A337" s="6"/>
      <c r="B337" s="5" t="s">
        <v>611</v>
      </c>
    </row>
    <row r="338" spans="1:2" x14ac:dyDescent="0.25">
      <c r="A338" s="6"/>
      <c r="B338" s="5" t="s">
        <v>612</v>
      </c>
    </row>
    <row r="339" spans="1:2" x14ac:dyDescent="0.25">
      <c r="A339" s="6"/>
      <c r="B339" s="5" t="s">
        <v>613</v>
      </c>
    </row>
    <row r="340" spans="1:2" x14ac:dyDescent="0.25">
      <c r="A340" s="6"/>
      <c r="B340" s="5" t="s">
        <v>614</v>
      </c>
    </row>
    <row r="341" spans="1:2" x14ac:dyDescent="0.25">
      <c r="A341" s="6"/>
      <c r="B341" s="5" t="s">
        <v>615</v>
      </c>
    </row>
    <row r="342" spans="1:2" x14ac:dyDescent="0.25">
      <c r="A342" s="6"/>
      <c r="B342" s="5" t="s">
        <v>616</v>
      </c>
    </row>
    <row r="343" spans="1:2" x14ac:dyDescent="0.25">
      <c r="A343" s="6"/>
      <c r="B343" s="5" t="s">
        <v>617</v>
      </c>
    </row>
    <row r="344" spans="1:2" x14ac:dyDescent="0.25">
      <c r="A344" s="6"/>
      <c r="B344" s="5" t="s">
        <v>618</v>
      </c>
    </row>
    <row r="345" spans="1:2" x14ac:dyDescent="0.25">
      <c r="A345" s="6"/>
      <c r="B345" s="5" t="s">
        <v>619</v>
      </c>
    </row>
    <row r="346" spans="1:2" x14ac:dyDescent="0.25">
      <c r="A346" s="6"/>
      <c r="B346" s="5" t="s">
        <v>620</v>
      </c>
    </row>
    <row r="347" spans="1:2" x14ac:dyDescent="0.25">
      <c r="A347" s="6"/>
      <c r="B347" s="5" t="s">
        <v>621</v>
      </c>
    </row>
    <row r="348" spans="1:2" x14ac:dyDescent="0.25">
      <c r="A348" s="6"/>
      <c r="B348" s="5" t="s">
        <v>622</v>
      </c>
    </row>
    <row r="349" spans="1:2" x14ac:dyDescent="0.25">
      <c r="A349" s="6"/>
      <c r="B349" s="5" t="s">
        <v>623</v>
      </c>
    </row>
    <row r="350" spans="1:2" ht="15.75" thickBot="1" x14ac:dyDescent="0.3">
      <c r="A350" s="7"/>
      <c r="B350" s="23" t="s">
        <v>624</v>
      </c>
    </row>
  </sheetData>
  <sheetProtection password="F113" sheet="1" objects="1" scenarios="1"/>
  <customSheetViews>
    <customSheetView guid="{EC814CE1-0F1E-4212-A340-F06F8C30AE5D}" topLeftCell="A293">
      <selection activeCell="B282" sqref="B282"/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293">
      <selection activeCell="B282" sqref="B282"/>
      <pageMargins left="0.7" right="0.7" top="0.75" bottom="0.75" header="0.3" footer="0.3"/>
      <pageSetup paperSize="9" orientation="portrait" horizontalDpi="300" verticalDpi="300" r:id="rId2"/>
    </customSheetView>
  </customSheetViews>
  <pageMargins left="0.7" right="0.7" top="0.75" bottom="0.75" header="0.3" footer="0.3"/>
  <pageSetup paperSize="9" orientation="portrait" horizontalDpi="300" verticalDpi="300" r:id="rId3"/>
  <drawing r:id="rId4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I403"/>
  <sheetViews>
    <sheetView topLeftCell="A72" workbookViewId="0">
      <selection activeCell="I68" sqref="I68"/>
    </sheetView>
  </sheetViews>
  <sheetFormatPr defaultRowHeight="15" x14ac:dyDescent="0.25"/>
  <cols>
    <col min="1" max="1" width="3.7109375" customWidth="1"/>
    <col min="2" max="2" width="44.7109375" customWidth="1"/>
    <col min="5" max="5" width="9.28515625" customWidth="1"/>
    <col min="6" max="6" width="8.7109375" customWidth="1"/>
  </cols>
  <sheetData>
    <row r="1" spans="1:6" ht="15.75" thickBot="1" x14ac:dyDescent="0.3"/>
    <row r="2" spans="1:6" ht="15.75" thickBot="1" x14ac:dyDescent="0.3">
      <c r="A2" s="232" t="s">
        <v>7</v>
      </c>
      <c r="B2" s="233"/>
      <c r="C2" s="233"/>
      <c r="D2" s="233"/>
      <c r="E2" s="233"/>
      <c r="F2" s="234"/>
    </row>
    <row r="3" spans="1:6" ht="29.25" customHeight="1" thickBot="1" x14ac:dyDescent="0.3">
      <c r="A3" s="10" t="s">
        <v>78</v>
      </c>
      <c r="B3" s="11"/>
      <c r="C3" s="11"/>
      <c r="D3" s="11"/>
      <c r="E3" s="11"/>
      <c r="F3" s="12"/>
    </row>
    <row r="4" spans="1:6" x14ac:dyDescent="0.25">
      <c r="A4" s="8"/>
      <c r="B4" s="189" t="s">
        <v>71</v>
      </c>
      <c r="C4" s="190"/>
      <c r="D4" s="190"/>
      <c r="E4" s="190"/>
      <c r="F4" s="191"/>
    </row>
    <row r="5" spans="1:6" x14ac:dyDescent="0.25">
      <c r="A5" s="6"/>
      <c r="B5" s="186" t="s">
        <v>71</v>
      </c>
      <c r="C5" s="187"/>
      <c r="D5" s="187"/>
      <c r="E5" s="187"/>
      <c r="F5" s="188"/>
    </row>
    <row r="6" spans="1:6" x14ac:dyDescent="0.25">
      <c r="A6" s="6"/>
      <c r="B6" s="186" t="s">
        <v>72</v>
      </c>
      <c r="C6" s="187"/>
      <c r="D6" s="187"/>
      <c r="E6" s="187"/>
      <c r="F6" s="188"/>
    </row>
    <row r="7" spans="1:6" x14ac:dyDescent="0.25">
      <c r="A7" s="6"/>
      <c r="B7" s="186" t="s">
        <v>73</v>
      </c>
      <c r="C7" s="187"/>
      <c r="D7" s="187"/>
      <c r="E7" s="187"/>
      <c r="F7" s="188"/>
    </row>
    <row r="8" spans="1:6" x14ac:dyDescent="0.25">
      <c r="A8" s="6"/>
      <c r="B8" s="186" t="s">
        <v>74</v>
      </c>
      <c r="C8" s="187"/>
      <c r="D8" s="187"/>
      <c r="E8" s="187"/>
      <c r="F8" s="188"/>
    </row>
    <row r="9" spans="1:6" x14ac:dyDescent="0.25">
      <c r="A9" s="6"/>
      <c r="B9" s="186" t="s">
        <v>75</v>
      </c>
      <c r="C9" s="187"/>
      <c r="D9" s="187"/>
      <c r="E9" s="187"/>
      <c r="F9" s="188"/>
    </row>
    <row r="10" spans="1:6" x14ac:dyDescent="0.25">
      <c r="A10" s="6"/>
      <c r="B10" s="4" t="s">
        <v>883</v>
      </c>
      <c r="C10" s="4"/>
      <c r="D10" s="4"/>
      <c r="E10" s="4"/>
      <c r="F10" s="5"/>
    </row>
    <row r="11" spans="1:6" x14ac:dyDescent="0.25">
      <c r="A11" s="6"/>
      <c r="B11" s="4" t="s">
        <v>76</v>
      </c>
      <c r="C11" s="4"/>
      <c r="D11" s="4"/>
      <c r="E11" s="4"/>
      <c r="F11" s="5"/>
    </row>
    <row r="12" spans="1:6" ht="15.75" thickBot="1" x14ac:dyDescent="0.3">
      <c r="A12" s="6"/>
      <c r="B12" s="4" t="s">
        <v>77</v>
      </c>
      <c r="C12" s="4"/>
      <c r="D12" s="4"/>
      <c r="E12" s="4"/>
      <c r="F12" s="5"/>
    </row>
    <row r="13" spans="1:6" ht="15.75" thickBot="1" x14ac:dyDescent="0.3">
      <c r="A13" s="180" t="s">
        <v>882</v>
      </c>
      <c r="B13" s="181"/>
      <c r="C13" s="181"/>
      <c r="D13" s="181"/>
      <c r="E13" s="181"/>
      <c r="F13" s="182"/>
    </row>
    <row r="14" spans="1:6" ht="15.75" thickBot="1" x14ac:dyDescent="0.3">
      <c r="A14" s="10" t="s">
        <v>86</v>
      </c>
      <c r="B14" s="11"/>
      <c r="C14" s="11"/>
      <c r="D14" s="11"/>
      <c r="E14" s="11"/>
      <c r="F14" s="12"/>
    </row>
    <row r="15" spans="1:6" x14ac:dyDescent="0.25">
      <c r="A15" s="8"/>
      <c r="B15" s="50" t="s">
        <v>87</v>
      </c>
      <c r="C15" s="51"/>
      <c r="D15" s="51"/>
      <c r="E15" s="51"/>
      <c r="F15" s="52"/>
    </row>
    <row r="16" spans="1:6" ht="15.75" thickBot="1" x14ac:dyDescent="0.3">
      <c r="A16" s="6"/>
      <c r="B16" s="186" t="s">
        <v>88</v>
      </c>
      <c r="C16" s="187"/>
      <c r="D16" s="187"/>
      <c r="E16" s="187"/>
      <c r="F16" s="188"/>
    </row>
    <row r="17" spans="1:6" ht="15.75" thickBot="1" x14ac:dyDescent="0.3">
      <c r="A17" s="232" t="s">
        <v>884</v>
      </c>
      <c r="B17" s="233"/>
      <c r="C17" s="233"/>
      <c r="D17" s="233"/>
      <c r="E17" s="233"/>
      <c r="F17" s="234"/>
    </row>
    <row r="18" spans="1:6" ht="15.75" thickBot="1" x14ac:dyDescent="0.3">
      <c r="A18" s="10" t="s">
        <v>85</v>
      </c>
      <c r="B18" s="11"/>
      <c r="C18" s="11"/>
      <c r="D18" s="11"/>
      <c r="E18" s="11"/>
      <c r="F18" s="12"/>
    </row>
    <row r="19" spans="1:6" x14ac:dyDescent="0.25">
      <c r="A19" s="8"/>
      <c r="B19" s="189" t="s">
        <v>79</v>
      </c>
      <c r="C19" s="190"/>
      <c r="D19" s="190"/>
      <c r="E19" s="190"/>
      <c r="F19" s="191"/>
    </row>
    <row r="20" spans="1:6" x14ac:dyDescent="0.25">
      <c r="A20" s="6"/>
      <c r="B20" s="186" t="s">
        <v>80</v>
      </c>
      <c r="C20" s="187"/>
      <c r="D20" s="187"/>
      <c r="E20" s="187"/>
      <c r="F20" s="188"/>
    </row>
    <row r="21" spans="1:6" x14ac:dyDescent="0.25">
      <c r="A21" s="6"/>
      <c r="B21" s="186" t="s">
        <v>81</v>
      </c>
      <c r="C21" s="187"/>
      <c r="D21" s="187"/>
      <c r="E21" s="187"/>
      <c r="F21" s="188"/>
    </row>
    <row r="22" spans="1:6" x14ac:dyDescent="0.25">
      <c r="A22" s="6"/>
      <c r="B22" s="186" t="s">
        <v>885</v>
      </c>
      <c r="C22" s="187"/>
      <c r="D22" s="187"/>
      <c r="E22" s="187"/>
      <c r="F22" s="188"/>
    </row>
    <row r="23" spans="1:6" x14ac:dyDescent="0.25">
      <c r="A23" s="6"/>
      <c r="B23" s="186" t="s">
        <v>82</v>
      </c>
      <c r="C23" s="187"/>
      <c r="D23" s="187"/>
      <c r="E23" s="187"/>
      <c r="F23" s="188"/>
    </row>
    <row r="24" spans="1:6" x14ac:dyDescent="0.25">
      <c r="A24" s="6"/>
      <c r="B24" s="186" t="s">
        <v>886</v>
      </c>
      <c r="C24" s="187"/>
      <c r="D24" s="187"/>
      <c r="E24" s="187"/>
      <c r="F24" s="188"/>
    </row>
    <row r="25" spans="1:6" x14ac:dyDescent="0.25">
      <c r="A25" s="6"/>
      <c r="B25" s="4" t="s">
        <v>887</v>
      </c>
      <c r="C25" s="4"/>
      <c r="D25" s="4"/>
      <c r="E25" s="4"/>
      <c r="F25" s="5"/>
    </row>
    <row r="26" spans="1:6" x14ac:dyDescent="0.25">
      <c r="A26" s="6"/>
      <c r="B26" s="4" t="s">
        <v>83</v>
      </c>
      <c r="C26" s="4"/>
      <c r="D26" s="4"/>
      <c r="E26" s="4"/>
      <c r="F26" s="5"/>
    </row>
    <row r="27" spans="1:6" ht="15.75" thickBot="1" x14ac:dyDescent="0.3">
      <c r="A27" s="6"/>
      <c r="B27" s="4" t="s">
        <v>84</v>
      </c>
      <c r="C27" s="4"/>
      <c r="D27" s="4"/>
      <c r="E27" s="4"/>
      <c r="F27" s="5"/>
    </row>
    <row r="28" spans="1:6" ht="15.75" thickBot="1" x14ac:dyDescent="0.3">
      <c r="A28" s="31"/>
      <c r="B28" s="226" t="s">
        <v>12</v>
      </c>
      <c r="C28" s="226"/>
      <c r="D28" s="226"/>
      <c r="E28" s="226"/>
      <c r="F28" s="227"/>
    </row>
    <row r="29" spans="1:6" ht="15.75" thickBot="1" x14ac:dyDescent="0.3">
      <c r="A29" s="10" t="s">
        <v>284</v>
      </c>
      <c r="B29" s="11"/>
      <c r="C29" s="11"/>
      <c r="D29" s="11"/>
      <c r="E29" s="11"/>
      <c r="F29" s="12"/>
    </row>
    <row r="30" spans="1:6" ht="15.75" thickBot="1" x14ac:dyDescent="0.3"/>
    <row r="31" spans="1:6" ht="15.75" thickBot="1" x14ac:dyDescent="0.3">
      <c r="A31" s="31"/>
      <c r="B31" s="226" t="s">
        <v>13</v>
      </c>
      <c r="C31" s="226"/>
      <c r="D31" s="226"/>
      <c r="E31" s="226"/>
      <c r="F31" s="227"/>
    </row>
    <row r="32" spans="1:6" ht="15.75" thickBot="1" x14ac:dyDescent="0.3">
      <c r="A32" s="10" t="s">
        <v>285</v>
      </c>
      <c r="B32" s="11"/>
      <c r="C32" s="11"/>
      <c r="D32" s="11"/>
      <c r="E32" s="11"/>
      <c r="F32" s="12"/>
    </row>
    <row r="33" spans="1:6" ht="15.75" thickBot="1" x14ac:dyDescent="0.3">
      <c r="A33" s="35"/>
      <c r="B33" s="235" t="s">
        <v>286</v>
      </c>
      <c r="C33" s="236"/>
      <c r="D33" s="236"/>
      <c r="E33" s="236"/>
      <c r="F33" s="237"/>
    </row>
    <row r="34" spans="1:6" ht="15.75" thickBot="1" x14ac:dyDescent="0.3">
      <c r="A34" s="16"/>
      <c r="B34" s="228" t="s">
        <v>14</v>
      </c>
      <c r="C34" s="226"/>
      <c r="D34" s="226"/>
      <c r="E34" s="226"/>
      <c r="F34" s="227"/>
    </row>
    <row r="35" spans="1:6" ht="15.75" thickBot="1" x14ac:dyDescent="0.3">
      <c r="A35" s="21" t="s">
        <v>290</v>
      </c>
      <c r="B35" s="34"/>
      <c r="C35" s="11"/>
      <c r="D35" s="11"/>
      <c r="E35" s="11"/>
      <c r="F35" s="12"/>
    </row>
    <row r="36" spans="1:6" x14ac:dyDescent="0.25">
      <c r="A36" s="8"/>
      <c r="B36" s="14" t="s">
        <v>291</v>
      </c>
      <c r="C36" s="14"/>
      <c r="D36" s="14"/>
      <c r="E36" s="14"/>
      <c r="F36" s="9"/>
    </row>
    <row r="37" spans="1:6" ht="15.75" thickBot="1" x14ac:dyDescent="0.3">
      <c r="A37" s="7"/>
      <c r="B37" s="22" t="s">
        <v>292</v>
      </c>
      <c r="C37" s="22"/>
      <c r="D37" s="22"/>
      <c r="E37" s="22"/>
      <c r="F37" s="23"/>
    </row>
    <row r="38" spans="1:6" ht="15.75" thickBot="1" x14ac:dyDescent="0.3">
      <c r="A38" s="16"/>
      <c r="B38" s="233" t="s">
        <v>15</v>
      </c>
      <c r="C38" s="233"/>
      <c r="D38" s="233"/>
      <c r="E38" s="233"/>
      <c r="F38" s="234"/>
    </row>
    <row r="39" spans="1:6" ht="15.75" thickBot="1" x14ac:dyDescent="0.3">
      <c r="A39" s="21" t="s">
        <v>287</v>
      </c>
      <c r="B39" s="11"/>
      <c r="C39" s="11"/>
      <c r="D39" s="11"/>
      <c r="E39" s="11"/>
      <c r="F39" s="12"/>
    </row>
    <row r="40" spans="1:6" x14ac:dyDescent="0.25">
      <c r="A40" s="8"/>
      <c r="B40" s="14" t="s">
        <v>288</v>
      </c>
      <c r="C40" s="14"/>
      <c r="D40" s="14"/>
      <c r="E40" s="14"/>
      <c r="F40" s="9"/>
    </row>
    <row r="41" spans="1:6" x14ac:dyDescent="0.25">
      <c r="A41" s="6"/>
      <c r="B41" s="4" t="s">
        <v>289</v>
      </c>
      <c r="C41" s="4"/>
      <c r="D41" s="4"/>
      <c r="E41" s="4"/>
      <c r="F41" s="5"/>
    </row>
    <row r="42" spans="1:6" x14ac:dyDescent="0.25">
      <c r="A42" s="6"/>
      <c r="B42" s="4" t="s">
        <v>282</v>
      </c>
      <c r="C42" s="4"/>
      <c r="D42" s="4"/>
      <c r="E42" s="4"/>
      <c r="F42" s="5"/>
    </row>
    <row r="43" spans="1:6" ht="15.75" thickBot="1" x14ac:dyDescent="0.3">
      <c r="A43" s="7"/>
      <c r="B43" s="22" t="s">
        <v>283</v>
      </c>
      <c r="C43" s="22"/>
      <c r="D43" s="22"/>
      <c r="E43" s="22"/>
      <c r="F43" s="23"/>
    </row>
    <row r="44" spans="1:6" ht="15.75" thickBot="1" x14ac:dyDescent="0.3">
      <c r="A44" s="16"/>
      <c r="B44" s="233" t="s">
        <v>16</v>
      </c>
      <c r="C44" s="233"/>
      <c r="D44" s="233"/>
      <c r="E44" s="233"/>
      <c r="F44" s="234"/>
    </row>
    <row r="45" spans="1:6" ht="15.75" thickBot="1" x14ac:dyDescent="0.3">
      <c r="A45" s="21" t="s">
        <v>293</v>
      </c>
      <c r="B45" s="11"/>
      <c r="C45" s="11"/>
      <c r="D45" s="11"/>
      <c r="E45" s="11"/>
      <c r="F45" s="12"/>
    </row>
    <row r="46" spans="1:6" x14ac:dyDescent="0.25">
      <c r="A46" s="8"/>
      <c r="B46" s="14" t="s">
        <v>888</v>
      </c>
      <c r="C46" s="14"/>
      <c r="D46" s="14"/>
      <c r="E46" s="14"/>
      <c r="F46" s="9"/>
    </row>
    <row r="47" spans="1:6" ht="15.75" thickBot="1" x14ac:dyDescent="0.3">
      <c r="A47" s="45"/>
      <c r="F47" s="62"/>
    </row>
    <row r="48" spans="1:6" ht="15.75" thickBot="1" x14ac:dyDescent="0.3">
      <c r="A48" s="16"/>
      <c r="B48" s="233" t="s">
        <v>17</v>
      </c>
      <c r="C48" s="233"/>
      <c r="D48" s="233"/>
      <c r="E48" s="233"/>
      <c r="F48" s="234"/>
    </row>
    <row r="49" spans="1:6" ht="15.75" thickBot="1" x14ac:dyDescent="0.3">
      <c r="A49" s="21" t="s">
        <v>294</v>
      </c>
      <c r="B49" s="11"/>
      <c r="C49" s="11"/>
      <c r="D49" s="11"/>
      <c r="E49" s="11"/>
      <c r="F49" s="12"/>
    </row>
    <row r="50" spans="1:6" x14ac:dyDescent="0.25">
      <c r="A50" s="29"/>
      <c r="B50" s="189" t="s">
        <v>295</v>
      </c>
      <c r="C50" s="190"/>
      <c r="D50" s="190"/>
      <c r="E50" s="190"/>
      <c r="F50" s="191"/>
    </row>
    <row r="51" spans="1:6" x14ac:dyDescent="0.25">
      <c r="A51" s="26"/>
      <c r="B51" s="186" t="s">
        <v>296</v>
      </c>
      <c r="C51" s="187"/>
      <c r="D51" s="187"/>
      <c r="E51" s="187"/>
      <c r="F51" s="188"/>
    </row>
    <row r="52" spans="1:6" x14ac:dyDescent="0.25">
      <c r="A52" s="26"/>
      <c r="B52" s="186" t="s">
        <v>297</v>
      </c>
      <c r="C52" s="187"/>
      <c r="D52" s="187"/>
      <c r="E52" s="187"/>
      <c r="F52" s="188"/>
    </row>
    <row r="53" spans="1:6" x14ac:dyDescent="0.25">
      <c r="A53" s="26"/>
      <c r="B53" s="186" t="s">
        <v>298</v>
      </c>
      <c r="C53" s="187"/>
      <c r="D53" s="187"/>
      <c r="E53" s="187"/>
      <c r="F53" s="188"/>
    </row>
    <row r="54" spans="1:6" ht="15.75" thickBot="1" x14ac:dyDescent="0.3">
      <c r="A54" s="27"/>
      <c r="B54" s="222" t="s">
        <v>299</v>
      </c>
      <c r="C54" s="223"/>
      <c r="D54" s="223"/>
      <c r="E54" s="223"/>
      <c r="F54" s="224"/>
    </row>
    <row r="55" spans="1:6" ht="15.75" thickBot="1" x14ac:dyDescent="0.3">
      <c r="A55" s="16"/>
      <c r="B55" s="228" t="s">
        <v>18</v>
      </c>
      <c r="C55" s="226"/>
      <c r="D55" s="226"/>
      <c r="E55" s="226"/>
      <c r="F55" s="227"/>
    </row>
    <row r="56" spans="1:6" ht="15.75" thickBot="1" x14ac:dyDescent="0.3">
      <c r="A56" s="21" t="s">
        <v>301</v>
      </c>
      <c r="B56" s="11"/>
      <c r="C56" s="11"/>
      <c r="D56" s="11"/>
      <c r="E56" s="11"/>
      <c r="F56" s="12"/>
    </row>
    <row r="57" spans="1:6" x14ac:dyDescent="0.25">
      <c r="A57" s="29"/>
      <c r="B57" s="189" t="s">
        <v>302</v>
      </c>
      <c r="C57" s="190"/>
      <c r="D57" s="190"/>
      <c r="E57" s="190"/>
      <c r="F57" s="191"/>
    </row>
    <row r="58" spans="1:6" x14ac:dyDescent="0.25">
      <c r="A58" s="26"/>
      <c r="B58" s="186" t="s">
        <v>303</v>
      </c>
      <c r="C58" s="187"/>
      <c r="D58" s="187"/>
      <c r="E58" s="187"/>
      <c r="F58" s="188"/>
    </row>
    <row r="59" spans="1:6" x14ac:dyDescent="0.25">
      <c r="A59" s="26"/>
      <c r="B59" s="186" t="s">
        <v>304</v>
      </c>
      <c r="C59" s="187"/>
      <c r="D59" s="187"/>
      <c r="E59" s="187"/>
      <c r="F59" s="188"/>
    </row>
    <row r="60" spans="1:6" x14ac:dyDescent="0.25">
      <c r="A60" s="26"/>
      <c r="B60" s="186" t="s">
        <v>305</v>
      </c>
      <c r="C60" s="187"/>
      <c r="D60" s="187"/>
      <c r="E60" s="187"/>
      <c r="F60" s="188"/>
    </row>
    <row r="61" spans="1:6" x14ac:dyDescent="0.25">
      <c r="A61" s="26"/>
      <c r="B61" s="186" t="s">
        <v>306</v>
      </c>
      <c r="C61" s="187"/>
      <c r="D61" s="187"/>
      <c r="E61" s="187"/>
      <c r="F61" s="188"/>
    </row>
    <row r="62" spans="1:6" x14ac:dyDescent="0.25">
      <c r="A62" s="26"/>
      <c r="B62" s="186" t="s">
        <v>307</v>
      </c>
      <c r="C62" s="187"/>
      <c r="D62" s="187"/>
      <c r="E62" s="187"/>
      <c r="F62" s="188"/>
    </row>
    <row r="63" spans="1:6" x14ac:dyDescent="0.25">
      <c r="A63" s="26"/>
      <c r="B63" s="186" t="s">
        <v>308</v>
      </c>
      <c r="C63" s="187"/>
      <c r="D63" s="187"/>
      <c r="E63" s="187"/>
      <c r="F63" s="188"/>
    </row>
    <row r="64" spans="1:6" x14ac:dyDescent="0.25">
      <c r="A64" s="63"/>
      <c r="B64" s="247" t="s">
        <v>309</v>
      </c>
      <c r="C64" s="248"/>
      <c r="D64" s="248"/>
      <c r="E64" s="248"/>
      <c r="F64" s="249"/>
    </row>
    <row r="65" spans="1:6" x14ac:dyDescent="0.25">
      <c r="A65" s="46"/>
      <c r="B65" s="46"/>
      <c r="C65" s="46"/>
      <c r="D65" s="46"/>
      <c r="E65" s="46"/>
      <c r="F65" s="46"/>
    </row>
    <row r="66" spans="1:6" ht="15.75" thickBot="1" x14ac:dyDescent="0.3">
      <c r="A66" s="7"/>
      <c r="B66" s="250" t="s">
        <v>19</v>
      </c>
      <c r="C66" s="251"/>
      <c r="D66" s="251"/>
      <c r="E66" s="251"/>
      <c r="F66" s="252"/>
    </row>
    <row r="67" spans="1:6" ht="15.75" thickBot="1" x14ac:dyDescent="0.3">
      <c r="A67" s="21" t="s">
        <v>889</v>
      </c>
      <c r="B67" s="11"/>
      <c r="C67" s="11"/>
      <c r="D67" s="11"/>
      <c r="E67" s="11"/>
      <c r="F67" s="12"/>
    </row>
    <row r="68" spans="1:6" x14ac:dyDescent="0.25">
      <c r="A68" s="29"/>
      <c r="B68" s="50" t="s">
        <v>20</v>
      </c>
      <c r="C68" s="51"/>
      <c r="D68" s="51"/>
      <c r="E68" s="51"/>
      <c r="F68" s="52"/>
    </row>
    <row r="69" spans="1:6" x14ac:dyDescent="0.25">
      <c r="A69" s="26"/>
      <c r="B69" s="30" t="s">
        <v>21</v>
      </c>
      <c r="C69" s="49"/>
      <c r="D69" s="49"/>
      <c r="E69" s="49"/>
      <c r="F69" s="1"/>
    </row>
    <row r="70" spans="1:6" x14ac:dyDescent="0.25">
      <c r="A70" s="26"/>
      <c r="B70" s="30" t="s">
        <v>22</v>
      </c>
      <c r="C70" s="49"/>
      <c r="D70" s="49"/>
      <c r="E70" s="49"/>
      <c r="F70" s="1"/>
    </row>
    <row r="71" spans="1:6" x14ac:dyDescent="0.25">
      <c r="A71" s="26"/>
      <c r="B71" s="30" t="s">
        <v>23</v>
      </c>
      <c r="C71" s="49"/>
      <c r="D71" s="49"/>
      <c r="E71" s="49"/>
      <c r="F71" s="1"/>
    </row>
    <row r="72" spans="1:6" x14ac:dyDescent="0.25">
      <c r="A72" s="26"/>
      <c r="B72" s="30" t="s">
        <v>24</v>
      </c>
      <c r="C72" s="49"/>
      <c r="D72" s="49"/>
      <c r="E72" s="49"/>
      <c r="F72" s="1"/>
    </row>
    <row r="73" spans="1:6" x14ac:dyDescent="0.25">
      <c r="A73" s="26"/>
      <c r="B73" s="30" t="s">
        <v>25</v>
      </c>
      <c r="C73" s="49"/>
      <c r="D73" s="49"/>
      <c r="E73" s="49"/>
      <c r="F73" s="1"/>
    </row>
    <row r="74" spans="1:6" x14ac:dyDescent="0.25">
      <c r="A74" s="26"/>
      <c r="B74" s="30" t="s">
        <v>26</v>
      </c>
      <c r="C74" s="49"/>
      <c r="D74" s="49"/>
      <c r="E74" s="49"/>
      <c r="F74" s="1"/>
    </row>
    <row r="75" spans="1:6" x14ac:dyDescent="0.25">
      <c r="A75" s="26"/>
      <c r="B75" s="30" t="s">
        <v>27</v>
      </c>
      <c r="C75" s="49"/>
      <c r="D75" s="49"/>
      <c r="E75" s="49"/>
      <c r="F75" s="1"/>
    </row>
    <row r="76" spans="1:6" x14ac:dyDescent="0.25">
      <c r="A76" s="26"/>
      <c r="B76" s="30" t="s">
        <v>28</v>
      </c>
      <c r="C76" s="49"/>
      <c r="D76" s="49"/>
      <c r="E76" s="49"/>
      <c r="F76" s="1"/>
    </row>
    <row r="77" spans="1:6" x14ac:dyDescent="0.25">
      <c r="A77" s="26"/>
      <c r="B77" s="30" t="s">
        <v>29</v>
      </c>
      <c r="C77" s="49"/>
      <c r="D77" s="49"/>
      <c r="E77" s="49"/>
      <c r="F77" s="1"/>
    </row>
    <row r="78" spans="1:6" x14ac:dyDescent="0.25">
      <c r="A78" s="26"/>
      <c r="B78" s="30" t="s">
        <v>30</v>
      </c>
      <c r="C78" s="49"/>
      <c r="D78" s="49"/>
      <c r="E78" s="49"/>
      <c r="F78" s="1"/>
    </row>
    <row r="79" spans="1:6" x14ac:dyDescent="0.25">
      <c r="A79" s="26"/>
      <c r="B79" s="30" t="s">
        <v>31</v>
      </c>
      <c r="C79" s="49"/>
      <c r="D79" s="49"/>
      <c r="E79" s="49"/>
      <c r="F79" s="1"/>
    </row>
    <row r="80" spans="1:6" x14ac:dyDescent="0.25">
      <c r="A80" s="26"/>
      <c r="B80" s="30" t="s">
        <v>32</v>
      </c>
      <c r="C80" s="49"/>
      <c r="D80" s="49"/>
      <c r="E80" s="49"/>
      <c r="F80" s="1"/>
    </row>
    <row r="81" spans="1:6" x14ac:dyDescent="0.25">
      <c r="A81" s="26"/>
      <c r="B81" s="186" t="s">
        <v>33</v>
      </c>
      <c r="C81" s="187"/>
      <c r="D81" s="187"/>
      <c r="E81" s="187"/>
      <c r="F81" s="188"/>
    </row>
    <row r="82" spans="1:6" x14ac:dyDescent="0.25">
      <c r="A82" s="26"/>
      <c r="B82" s="186" t="s">
        <v>34</v>
      </c>
      <c r="C82" s="187"/>
      <c r="D82" s="187"/>
      <c r="E82" s="187"/>
      <c r="F82" s="188"/>
    </row>
    <row r="83" spans="1:6" x14ac:dyDescent="0.25">
      <c r="A83" s="26"/>
      <c r="B83" s="186" t="s">
        <v>35</v>
      </c>
      <c r="C83" s="187"/>
      <c r="D83" s="187"/>
      <c r="E83" s="187"/>
      <c r="F83" s="188"/>
    </row>
    <row r="84" spans="1:6" x14ac:dyDescent="0.25">
      <c r="A84" s="26"/>
      <c r="B84" s="186" t="s">
        <v>36</v>
      </c>
      <c r="C84" s="187"/>
      <c r="D84" s="187"/>
      <c r="E84" s="187"/>
      <c r="F84" s="188"/>
    </row>
    <row r="85" spans="1:6" x14ac:dyDescent="0.25">
      <c r="A85" s="26"/>
      <c r="B85" s="186" t="s">
        <v>37</v>
      </c>
      <c r="C85" s="187"/>
      <c r="D85" s="187"/>
      <c r="E85" s="187"/>
      <c r="F85" s="188"/>
    </row>
    <row r="86" spans="1:6" x14ac:dyDescent="0.25">
      <c r="A86" s="26"/>
      <c r="B86" s="186" t="s">
        <v>38</v>
      </c>
      <c r="C86" s="187"/>
      <c r="D86" s="187"/>
      <c r="E86" s="187"/>
      <c r="F86" s="188"/>
    </row>
    <row r="87" spans="1:6" x14ac:dyDescent="0.25">
      <c r="A87" s="26"/>
      <c r="B87" s="186" t="s">
        <v>39</v>
      </c>
      <c r="C87" s="187"/>
      <c r="D87" s="187"/>
      <c r="E87" s="187"/>
      <c r="F87" s="188"/>
    </row>
    <row r="88" spans="1:6" x14ac:dyDescent="0.25">
      <c r="A88" s="26"/>
      <c r="B88" s="186" t="s">
        <v>40</v>
      </c>
      <c r="C88" s="187"/>
      <c r="D88" s="187"/>
      <c r="E88" s="187"/>
      <c r="F88" s="188"/>
    </row>
    <row r="89" spans="1:6" x14ac:dyDescent="0.25">
      <c r="A89" s="26"/>
      <c r="B89" s="186" t="s">
        <v>41</v>
      </c>
      <c r="C89" s="187"/>
      <c r="D89" s="187"/>
      <c r="E89" s="187"/>
      <c r="F89" s="188"/>
    </row>
    <row r="90" spans="1:6" x14ac:dyDescent="0.25">
      <c r="A90" s="26"/>
      <c r="B90" s="186" t="s">
        <v>42</v>
      </c>
      <c r="C90" s="187"/>
      <c r="D90" s="187"/>
      <c r="E90" s="187"/>
      <c r="F90" s="188"/>
    </row>
    <row r="91" spans="1:6" x14ac:dyDescent="0.25">
      <c r="A91" s="26"/>
      <c r="B91" s="186" t="s">
        <v>43</v>
      </c>
      <c r="C91" s="187"/>
      <c r="D91" s="187"/>
      <c r="E91" s="187"/>
      <c r="F91" s="188"/>
    </row>
    <row r="92" spans="1:6" x14ac:dyDescent="0.25">
      <c r="A92" s="26"/>
      <c r="B92" s="186" t="s">
        <v>44</v>
      </c>
      <c r="C92" s="187"/>
      <c r="D92" s="187"/>
      <c r="E92" s="187"/>
      <c r="F92" s="188"/>
    </row>
    <row r="93" spans="1:6" x14ac:dyDescent="0.25">
      <c r="A93" s="26"/>
      <c r="B93" s="186" t="s">
        <v>45</v>
      </c>
      <c r="C93" s="187"/>
      <c r="D93" s="187"/>
      <c r="E93" s="187"/>
      <c r="F93" s="188"/>
    </row>
    <row r="94" spans="1:6" x14ac:dyDescent="0.25">
      <c r="A94" s="26"/>
      <c r="B94" s="186" t="s">
        <v>46</v>
      </c>
      <c r="C94" s="187"/>
      <c r="D94" s="187"/>
      <c r="E94" s="187"/>
      <c r="F94" s="188"/>
    </row>
    <row r="95" spans="1:6" x14ac:dyDescent="0.25">
      <c r="A95" s="26"/>
      <c r="B95" s="186" t="s">
        <v>47</v>
      </c>
      <c r="C95" s="187"/>
      <c r="D95" s="187"/>
      <c r="E95" s="187"/>
      <c r="F95" s="188"/>
    </row>
    <row r="96" spans="1:6" x14ac:dyDescent="0.25">
      <c r="A96" s="26"/>
      <c r="B96" s="186" t="s">
        <v>48</v>
      </c>
      <c r="C96" s="187"/>
      <c r="D96" s="187"/>
      <c r="E96" s="187"/>
      <c r="F96" s="188"/>
    </row>
    <row r="97" spans="1:6" x14ac:dyDescent="0.25">
      <c r="A97" s="26"/>
      <c r="B97" s="186" t="s">
        <v>49</v>
      </c>
      <c r="C97" s="187"/>
      <c r="D97" s="187"/>
      <c r="E97" s="187"/>
      <c r="F97" s="188"/>
    </row>
    <row r="98" spans="1:6" x14ac:dyDescent="0.25">
      <c r="A98" s="26"/>
      <c r="B98" s="186" t="s">
        <v>50</v>
      </c>
      <c r="C98" s="187"/>
      <c r="D98" s="187"/>
      <c r="E98" s="187"/>
      <c r="F98" s="188"/>
    </row>
    <row r="99" spans="1:6" x14ac:dyDescent="0.25">
      <c r="A99" s="26"/>
      <c r="B99" s="186" t="s">
        <v>51</v>
      </c>
      <c r="C99" s="187"/>
      <c r="D99" s="187"/>
      <c r="E99" s="187"/>
      <c r="F99" s="188"/>
    </row>
    <row r="100" spans="1:6" x14ac:dyDescent="0.25">
      <c r="A100" s="26"/>
      <c r="B100" s="186" t="s">
        <v>52</v>
      </c>
      <c r="C100" s="187"/>
      <c r="D100" s="187"/>
      <c r="E100" s="187"/>
      <c r="F100" s="188"/>
    </row>
    <row r="101" spans="1:6" x14ac:dyDescent="0.25">
      <c r="A101" s="26"/>
      <c r="B101" s="186" t="s">
        <v>53</v>
      </c>
      <c r="C101" s="187"/>
      <c r="D101" s="187"/>
      <c r="E101" s="187"/>
      <c r="F101" s="188"/>
    </row>
    <row r="102" spans="1:6" x14ac:dyDescent="0.25">
      <c r="A102" s="26"/>
      <c r="B102" s="186" t="s">
        <v>54</v>
      </c>
      <c r="C102" s="187"/>
      <c r="D102" s="187"/>
      <c r="E102" s="187"/>
      <c r="F102" s="188"/>
    </row>
    <row r="103" spans="1:6" x14ac:dyDescent="0.25">
      <c r="A103" s="26"/>
      <c r="B103" s="186" t="s">
        <v>55</v>
      </c>
      <c r="C103" s="187"/>
      <c r="D103" s="187"/>
      <c r="E103" s="187"/>
      <c r="F103" s="188"/>
    </row>
    <row r="104" spans="1:6" x14ac:dyDescent="0.25">
      <c r="A104" s="26"/>
      <c r="B104" s="186" t="s">
        <v>56</v>
      </c>
      <c r="C104" s="187"/>
      <c r="D104" s="187"/>
      <c r="E104" s="187"/>
      <c r="F104" s="188"/>
    </row>
    <row r="105" spans="1:6" x14ac:dyDescent="0.25">
      <c r="A105" s="26"/>
      <c r="B105" s="186" t="s">
        <v>57</v>
      </c>
      <c r="C105" s="187"/>
      <c r="D105" s="187"/>
      <c r="E105" s="187"/>
      <c r="F105" s="188"/>
    </row>
    <row r="106" spans="1:6" x14ac:dyDescent="0.25">
      <c r="A106" s="26"/>
      <c r="B106" s="186" t="s">
        <v>58</v>
      </c>
      <c r="C106" s="187"/>
      <c r="D106" s="187"/>
      <c r="E106" s="187"/>
      <c r="F106" s="188"/>
    </row>
    <row r="107" spans="1:6" x14ac:dyDescent="0.25">
      <c r="A107" s="26"/>
      <c r="B107" s="186" t="s">
        <v>59</v>
      </c>
      <c r="C107" s="187"/>
      <c r="D107" s="187"/>
      <c r="E107" s="187"/>
      <c r="F107" s="188"/>
    </row>
    <row r="108" spans="1:6" x14ac:dyDescent="0.25">
      <c r="A108" s="26"/>
      <c r="B108" s="186" t="s">
        <v>60</v>
      </c>
      <c r="C108" s="187"/>
      <c r="D108" s="187"/>
      <c r="E108" s="187"/>
      <c r="F108" s="188"/>
    </row>
    <row r="109" spans="1:6" x14ac:dyDescent="0.25">
      <c r="A109" s="26"/>
      <c r="B109" s="186" t="s">
        <v>61</v>
      </c>
      <c r="C109" s="187"/>
      <c r="D109" s="187"/>
      <c r="E109" s="187"/>
      <c r="F109" s="188"/>
    </row>
    <row r="110" spans="1:6" x14ac:dyDescent="0.25">
      <c r="A110" s="26"/>
      <c r="B110" s="186" t="s">
        <v>62</v>
      </c>
      <c r="C110" s="187"/>
      <c r="D110" s="187"/>
      <c r="E110" s="187"/>
      <c r="F110" s="188"/>
    </row>
    <row r="111" spans="1:6" x14ac:dyDescent="0.25">
      <c r="A111" s="26"/>
      <c r="B111" s="186" t="s">
        <v>63</v>
      </c>
      <c r="C111" s="187"/>
      <c r="D111" s="187"/>
      <c r="E111" s="187"/>
      <c r="F111" s="188"/>
    </row>
    <row r="112" spans="1:6" x14ac:dyDescent="0.25">
      <c r="A112" s="26"/>
      <c r="B112" s="186" t="s">
        <v>64</v>
      </c>
      <c r="C112" s="187"/>
      <c r="D112" s="187"/>
      <c r="E112" s="187"/>
      <c r="F112" s="188"/>
    </row>
    <row r="113" spans="1:6" x14ac:dyDescent="0.25">
      <c r="A113" s="26"/>
      <c r="B113" s="186" t="s">
        <v>65</v>
      </c>
      <c r="C113" s="187"/>
      <c r="D113" s="187"/>
      <c r="E113" s="187"/>
      <c r="F113" s="188"/>
    </row>
    <row r="114" spans="1:6" x14ac:dyDescent="0.25">
      <c r="A114" s="26"/>
      <c r="B114" s="186" t="s">
        <v>66</v>
      </c>
      <c r="C114" s="187"/>
      <c r="D114" s="187"/>
      <c r="E114" s="187"/>
      <c r="F114" s="188"/>
    </row>
    <row r="115" spans="1:6" ht="15.75" thickBot="1" x14ac:dyDescent="0.3">
      <c r="A115" s="27"/>
      <c r="B115" s="222" t="s">
        <v>67</v>
      </c>
      <c r="C115" s="223"/>
      <c r="D115" s="223"/>
      <c r="E115" s="223"/>
      <c r="F115" s="224"/>
    </row>
    <row r="116" spans="1:6" ht="15.75" thickBot="1" x14ac:dyDescent="0.3">
      <c r="A116" s="16"/>
      <c r="B116" s="180" t="s">
        <v>68</v>
      </c>
      <c r="C116" s="181"/>
      <c r="D116" s="181"/>
      <c r="E116" s="181"/>
      <c r="F116" s="182"/>
    </row>
    <row r="117" spans="1:6" ht="15.75" thickBot="1" x14ac:dyDescent="0.3">
      <c r="A117" s="21" t="s">
        <v>310</v>
      </c>
      <c r="B117" s="17"/>
      <c r="C117" s="11"/>
      <c r="D117" s="11"/>
      <c r="E117" s="11"/>
      <c r="F117" s="12"/>
    </row>
    <row r="118" spans="1:6" x14ac:dyDescent="0.25">
      <c r="A118" s="29"/>
      <c r="B118" s="33" t="s">
        <v>269</v>
      </c>
      <c r="C118" s="14"/>
      <c r="D118" s="14"/>
      <c r="E118" s="14"/>
      <c r="F118" s="9"/>
    </row>
    <row r="119" spans="1:6" x14ac:dyDescent="0.25">
      <c r="A119" s="26"/>
      <c r="B119" s="32" t="s">
        <v>270</v>
      </c>
      <c r="C119" s="4"/>
      <c r="D119" s="4"/>
      <c r="E119" s="4"/>
      <c r="F119" s="5"/>
    </row>
    <row r="120" spans="1:6" x14ac:dyDescent="0.25">
      <c r="A120" s="26"/>
      <c r="B120" s="32" t="s">
        <v>271</v>
      </c>
      <c r="C120" s="4"/>
      <c r="D120" s="4"/>
      <c r="E120" s="4"/>
      <c r="F120" s="5"/>
    </row>
    <row r="121" spans="1:6" x14ac:dyDescent="0.25">
      <c r="A121" s="26"/>
      <c r="B121" s="32" t="s">
        <v>272</v>
      </c>
      <c r="C121" s="4"/>
      <c r="D121" s="4"/>
      <c r="E121" s="4"/>
      <c r="F121" s="5"/>
    </row>
    <row r="122" spans="1:6" x14ac:dyDescent="0.25">
      <c r="A122" s="26"/>
      <c r="B122" s="32" t="s">
        <v>273</v>
      </c>
      <c r="C122" s="4"/>
      <c r="D122" s="4"/>
      <c r="E122" s="4"/>
      <c r="F122" s="5"/>
    </row>
    <row r="123" spans="1:6" x14ac:dyDescent="0.25">
      <c r="A123" s="26"/>
      <c r="B123" s="32" t="s">
        <v>274</v>
      </c>
      <c r="C123" s="4"/>
      <c r="D123" s="4"/>
      <c r="E123" s="4"/>
      <c r="F123" s="5"/>
    </row>
    <row r="124" spans="1:6" x14ac:dyDescent="0.25">
      <c r="A124" s="26"/>
      <c r="B124" s="32" t="s">
        <v>275</v>
      </c>
      <c r="C124" s="4"/>
      <c r="D124" s="4"/>
      <c r="E124" s="4"/>
      <c r="F124" s="5"/>
    </row>
    <row r="125" spans="1:6" x14ac:dyDescent="0.25">
      <c r="A125" s="26"/>
      <c r="B125" s="32" t="s">
        <v>276</v>
      </c>
      <c r="C125" s="4"/>
      <c r="D125" s="4"/>
      <c r="E125" s="4"/>
      <c r="F125" s="5"/>
    </row>
    <row r="126" spans="1:6" x14ac:dyDescent="0.25">
      <c r="A126" s="26"/>
      <c r="B126" s="32" t="s">
        <v>277</v>
      </c>
      <c r="C126" s="4"/>
      <c r="D126" s="4"/>
      <c r="E126" s="4"/>
      <c r="F126" s="5"/>
    </row>
    <row r="127" spans="1:6" x14ac:dyDescent="0.25">
      <c r="A127" s="26"/>
      <c r="B127" s="32" t="s">
        <v>278</v>
      </c>
      <c r="C127" s="4"/>
      <c r="D127" s="4"/>
      <c r="E127" s="4"/>
      <c r="F127" s="5"/>
    </row>
    <row r="128" spans="1:6" x14ac:dyDescent="0.25">
      <c r="A128" s="26"/>
      <c r="B128" s="32" t="s">
        <v>279</v>
      </c>
      <c r="C128" s="4"/>
      <c r="D128" s="4"/>
      <c r="E128" s="4"/>
      <c r="F128" s="5"/>
    </row>
    <row r="129" spans="1:6" x14ac:dyDescent="0.25">
      <c r="A129" s="26"/>
      <c r="B129" s="32" t="s">
        <v>280</v>
      </c>
      <c r="C129" s="4"/>
      <c r="D129" s="4"/>
      <c r="E129" s="4"/>
      <c r="F129" s="5"/>
    </row>
    <row r="130" spans="1:6" ht="15.75" thickBot="1" x14ac:dyDescent="0.3">
      <c r="A130" s="27"/>
      <c r="B130" s="24" t="s">
        <v>281</v>
      </c>
      <c r="C130" s="22"/>
      <c r="D130" s="22"/>
      <c r="E130" s="22"/>
      <c r="F130" s="23"/>
    </row>
    <row r="131" spans="1:6" ht="15.75" thickBot="1" x14ac:dyDescent="0.3">
      <c r="A131" s="18"/>
      <c r="B131" s="208" t="s">
        <v>217</v>
      </c>
      <c r="C131" s="208"/>
      <c r="D131" s="208"/>
      <c r="E131" s="208"/>
      <c r="F131" s="209"/>
    </row>
    <row r="132" spans="1:6" ht="15.75" thickBot="1" x14ac:dyDescent="0.3">
      <c r="A132" s="177" t="s">
        <v>218</v>
      </c>
      <c r="B132" s="178"/>
      <c r="C132" s="178"/>
      <c r="D132" s="178"/>
      <c r="E132" s="178"/>
      <c r="F132" s="179"/>
    </row>
    <row r="133" spans="1:6" x14ac:dyDescent="0.25">
      <c r="A133" s="25"/>
      <c r="B133" s="202" t="s">
        <v>219</v>
      </c>
      <c r="C133" s="203"/>
      <c r="D133" s="203"/>
      <c r="E133" s="203"/>
      <c r="F133" s="204"/>
    </row>
    <row r="134" spans="1:6" x14ac:dyDescent="0.25">
      <c r="A134" s="26"/>
      <c r="B134" s="192" t="s">
        <v>220</v>
      </c>
      <c r="C134" s="193"/>
      <c r="D134" s="193"/>
      <c r="E134" s="193"/>
      <c r="F134" s="194"/>
    </row>
    <row r="135" spans="1:6" x14ac:dyDescent="0.25">
      <c r="A135" s="26"/>
      <c r="B135" s="192" t="s">
        <v>221</v>
      </c>
      <c r="C135" s="193"/>
      <c r="D135" s="193"/>
      <c r="E135" s="193"/>
      <c r="F135" s="194"/>
    </row>
    <row r="136" spans="1:6" x14ac:dyDescent="0.25">
      <c r="A136" s="26"/>
      <c r="B136" s="192" t="s">
        <v>222</v>
      </c>
      <c r="C136" s="193"/>
      <c r="D136" s="193"/>
      <c r="E136" s="193"/>
      <c r="F136" s="194"/>
    </row>
    <row r="137" spans="1:6" ht="15.75" thickBot="1" x14ac:dyDescent="0.3">
      <c r="A137" s="27"/>
      <c r="B137" s="195" t="s">
        <v>223</v>
      </c>
      <c r="C137" s="196"/>
      <c r="D137" s="196"/>
      <c r="E137" s="196"/>
      <c r="F137" s="197"/>
    </row>
    <row r="138" spans="1:6" ht="15.75" thickBot="1" x14ac:dyDescent="0.3">
      <c r="A138" s="180" t="s">
        <v>224</v>
      </c>
      <c r="B138" s="181"/>
      <c r="C138" s="181"/>
      <c r="D138" s="181"/>
      <c r="E138" s="181"/>
      <c r="F138" s="182"/>
    </row>
    <row r="139" spans="1:6" ht="15.75" thickBot="1" x14ac:dyDescent="0.3">
      <c r="A139" s="183" t="s">
        <v>225</v>
      </c>
      <c r="B139" s="184"/>
      <c r="C139" s="184"/>
      <c r="D139" s="184"/>
      <c r="E139" s="184"/>
      <c r="F139" s="185"/>
    </row>
    <row r="140" spans="1:6" x14ac:dyDescent="0.25">
      <c r="A140" s="25"/>
      <c r="B140" s="202" t="s">
        <v>226</v>
      </c>
      <c r="C140" s="203"/>
      <c r="D140" s="203"/>
      <c r="E140" s="203"/>
      <c r="F140" s="204"/>
    </row>
    <row r="141" spans="1:6" x14ac:dyDescent="0.25">
      <c r="A141" s="26"/>
      <c r="B141" s="192" t="s">
        <v>227</v>
      </c>
      <c r="C141" s="193"/>
      <c r="D141" s="193"/>
      <c r="E141" s="193"/>
      <c r="F141" s="194"/>
    </row>
    <row r="142" spans="1:6" x14ac:dyDescent="0.25">
      <c r="A142" s="26"/>
      <c r="B142" s="192" t="s">
        <v>228</v>
      </c>
      <c r="C142" s="193"/>
      <c r="D142" s="193"/>
      <c r="E142" s="193"/>
      <c r="F142" s="194"/>
    </row>
    <row r="143" spans="1:6" x14ac:dyDescent="0.25">
      <c r="A143" s="26"/>
      <c r="B143" s="192" t="s">
        <v>229</v>
      </c>
      <c r="C143" s="193"/>
      <c r="D143" s="193"/>
      <c r="E143" s="193"/>
      <c r="F143" s="194"/>
    </row>
    <row r="144" spans="1:6" x14ac:dyDescent="0.25">
      <c r="A144" s="26"/>
      <c r="B144" s="192" t="s">
        <v>230</v>
      </c>
      <c r="C144" s="193"/>
      <c r="D144" s="193"/>
      <c r="E144" s="193"/>
      <c r="F144" s="194"/>
    </row>
    <row r="145" spans="1:6" x14ac:dyDescent="0.25">
      <c r="A145" s="26"/>
      <c r="B145" s="192" t="s">
        <v>231</v>
      </c>
      <c r="C145" s="193"/>
      <c r="D145" s="193"/>
      <c r="E145" s="193"/>
      <c r="F145" s="194"/>
    </row>
    <row r="146" spans="1:6" x14ac:dyDescent="0.25">
      <c r="A146" s="26"/>
      <c r="B146" s="192" t="s">
        <v>232</v>
      </c>
      <c r="C146" s="193"/>
      <c r="D146" s="193"/>
      <c r="E146" s="193"/>
      <c r="F146" s="194"/>
    </row>
    <row r="147" spans="1:6" x14ac:dyDescent="0.25">
      <c r="A147" s="26"/>
      <c r="B147" s="192" t="s">
        <v>233</v>
      </c>
      <c r="C147" s="193"/>
      <c r="D147" s="193"/>
      <c r="E147" s="193"/>
      <c r="F147" s="194"/>
    </row>
    <row r="148" spans="1:6" x14ac:dyDescent="0.25">
      <c r="A148" s="26"/>
      <c r="B148" s="192" t="s">
        <v>234</v>
      </c>
      <c r="C148" s="193"/>
      <c r="D148" s="193"/>
      <c r="E148" s="193"/>
      <c r="F148" s="194"/>
    </row>
    <row r="149" spans="1:6" x14ac:dyDescent="0.25">
      <c r="A149" s="26"/>
      <c r="B149" s="192" t="s">
        <v>235</v>
      </c>
      <c r="C149" s="193"/>
      <c r="D149" s="193"/>
      <c r="E149" s="193"/>
      <c r="F149" s="194"/>
    </row>
    <row r="150" spans="1:6" x14ac:dyDescent="0.25">
      <c r="A150" s="26"/>
      <c r="B150" s="192" t="s">
        <v>236</v>
      </c>
      <c r="C150" s="193"/>
      <c r="D150" s="193"/>
      <c r="E150" s="193"/>
      <c r="F150" s="194"/>
    </row>
    <row r="151" spans="1:6" x14ac:dyDescent="0.25">
      <c r="A151" s="26"/>
      <c r="B151" s="192" t="s">
        <v>237</v>
      </c>
      <c r="C151" s="193"/>
      <c r="D151" s="193"/>
      <c r="E151" s="193"/>
      <c r="F151" s="194"/>
    </row>
    <row r="152" spans="1:6" ht="15.75" thickBot="1" x14ac:dyDescent="0.3">
      <c r="A152" s="26"/>
      <c r="B152" s="192" t="s">
        <v>238</v>
      </c>
      <c r="C152" s="193"/>
      <c r="D152" s="193"/>
      <c r="E152" s="193"/>
      <c r="F152" s="194"/>
    </row>
    <row r="153" spans="1:6" ht="15.75" thickBot="1" x14ac:dyDescent="0.3">
      <c r="A153" s="16"/>
      <c r="B153" s="225" t="s">
        <v>146</v>
      </c>
      <c r="C153" s="226"/>
      <c r="D153" s="226"/>
      <c r="E153" s="226"/>
      <c r="F153" s="227"/>
    </row>
    <row r="154" spans="1:6" ht="15.75" thickBot="1" x14ac:dyDescent="0.3">
      <c r="A154" s="21" t="s">
        <v>147</v>
      </c>
      <c r="B154" s="19"/>
      <c r="C154" s="19"/>
      <c r="D154" s="19"/>
      <c r="E154" s="19"/>
      <c r="F154" s="28"/>
    </row>
    <row r="155" spans="1:6" x14ac:dyDescent="0.25">
      <c r="A155" s="29"/>
      <c r="B155" s="199" t="s">
        <v>148</v>
      </c>
      <c r="C155" s="200"/>
      <c r="D155" s="200"/>
      <c r="E155" s="200"/>
      <c r="F155" s="201"/>
    </row>
    <row r="156" spans="1:6" x14ac:dyDescent="0.25">
      <c r="A156" s="26"/>
      <c r="B156" s="192" t="s">
        <v>149</v>
      </c>
      <c r="C156" s="193"/>
      <c r="D156" s="193"/>
      <c r="E156" s="193"/>
      <c r="F156" s="194"/>
    </row>
    <row r="157" spans="1:6" x14ac:dyDescent="0.25">
      <c r="A157" s="26"/>
      <c r="B157" s="192" t="s">
        <v>150</v>
      </c>
      <c r="C157" s="193"/>
      <c r="D157" s="193"/>
      <c r="E157" s="193"/>
      <c r="F157" s="194"/>
    </row>
    <row r="158" spans="1:6" x14ac:dyDescent="0.25">
      <c r="A158" s="26"/>
      <c r="B158" s="192" t="s">
        <v>151</v>
      </c>
      <c r="C158" s="193"/>
      <c r="D158" s="193"/>
      <c r="E158" s="193"/>
      <c r="F158" s="194"/>
    </row>
    <row r="159" spans="1:6" ht="15.75" thickBot="1" x14ac:dyDescent="0.3">
      <c r="A159" s="27"/>
      <c r="B159" s="195" t="s">
        <v>152</v>
      </c>
      <c r="C159" s="196"/>
      <c r="D159" s="196"/>
      <c r="E159" s="196"/>
      <c r="F159" s="197"/>
    </row>
    <row r="160" spans="1:6" ht="15.75" thickBot="1" x14ac:dyDescent="0.3">
      <c r="A160" s="180" t="s">
        <v>69</v>
      </c>
      <c r="B160" s="181"/>
      <c r="C160" s="181"/>
      <c r="D160" s="181"/>
      <c r="E160" s="181"/>
      <c r="F160" s="182"/>
    </row>
    <row r="161" spans="1:6" ht="15.75" thickBot="1" x14ac:dyDescent="0.3">
      <c r="A161" s="21" t="s">
        <v>70</v>
      </c>
      <c r="B161" s="19"/>
      <c r="C161" s="19"/>
      <c r="D161" s="19"/>
      <c r="E161" s="19"/>
      <c r="F161" s="28"/>
    </row>
    <row r="162" spans="1:6" x14ac:dyDescent="0.25">
      <c r="A162" s="29"/>
      <c r="B162" s="50" t="s">
        <v>89</v>
      </c>
      <c r="C162" s="51"/>
      <c r="D162" s="51"/>
      <c r="E162" s="51"/>
      <c r="F162" s="52"/>
    </row>
    <row r="163" spans="1:6" x14ac:dyDescent="0.25">
      <c r="A163" s="26"/>
      <c r="B163" s="192" t="s">
        <v>90</v>
      </c>
      <c r="C163" s="193"/>
      <c r="D163" s="193"/>
      <c r="E163" s="193"/>
      <c r="F163" s="194"/>
    </row>
    <row r="164" spans="1:6" x14ac:dyDescent="0.25">
      <c r="A164" s="26"/>
      <c r="B164" s="192" t="s">
        <v>91</v>
      </c>
      <c r="C164" s="193"/>
      <c r="D164" s="193"/>
      <c r="E164" s="193"/>
      <c r="F164" s="194"/>
    </row>
    <row r="165" spans="1:6" x14ac:dyDescent="0.25">
      <c r="A165" s="26"/>
      <c r="B165" s="192" t="s">
        <v>97</v>
      </c>
      <c r="C165" s="193"/>
      <c r="D165" s="193"/>
      <c r="E165" s="193"/>
      <c r="F165" s="194"/>
    </row>
    <row r="166" spans="1:6" x14ac:dyDescent="0.25">
      <c r="A166" s="26"/>
      <c r="B166" s="192" t="s">
        <v>92</v>
      </c>
      <c r="C166" s="193"/>
      <c r="D166" s="193"/>
      <c r="E166" s="193"/>
      <c r="F166" s="194"/>
    </row>
    <row r="167" spans="1:6" x14ac:dyDescent="0.25">
      <c r="A167" s="26"/>
      <c r="B167" s="192" t="s">
        <v>93</v>
      </c>
      <c r="C167" s="193"/>
      <c r="D167" s="193"/>
      <c r="E167" s="193"/>
      <c r="F167" s="194"/>
    </row>
    <row r="168" spans="1:6" x14ac:dyDescent="0.25">
      <c r="A168" s="26"/>
      <c r="B168" s="192" t="s">
        <v>94</v>
      </c>
      <c r="C168" s="193"/>
      <c r="D168" s="193"/>
      <c r="E168" s="193"/>
      <c r="F168" s="194"/>
    </row>
    <row r="169" spans="1:6" x14ac:dyDescent="0.25">
      <c r="A169" s="26"/>
      <c r="B169" s="192" t="s">
        <v>96</v>
      </c>
      <c r="C169" s="193"/>
      <c r="D169" s="193"/>
      <c r="E169" s="193"/>
      <c r="F169" s="194"/>
    </row>
    <row r="170" spans="1:6" ht="15.75" thickBot="1" x14ac:dyDescent="0.3">
      <c r="A170" s="27"/>
      <c r="B170" s="195" t="s">
        <v>95</v>
      </c>
      <c r="C170" s="196"/>
      <c r="D170" s="196"/>
      <c r="E170" s="196"/>
      <c r="F170" s="197"/>
    </row>
    <row r="171" spans="1:6" ht="15.75" thickBot="1" x14ac:dyDescent="0.3">
      <c r="A171" s="180" t="s">
        <v>210</v>
      </c>
      <c r="B171" s="181"/>
      <c r="C171" s="181"/>
      <c r="D171" s="181"/>
      <c r="E171" s="181"/>
      <c r="F171" s="182"/>
    </row>
    <row r="172" spans="1:6" ht="15.75" thickBot="1" x14ac:dyDescent="0.3">
      <c r="A172" s="183" t="s">
        <v>300</v>
      </c>
      <c r="B172" s="184"/>
      <c r="C172" s="184"/>
      <c r="D172" s="184"/>
      <c r="E172" s="184"/>
      <c r="F172" s="185"/>
    </row>
    <row r="173" spans="1:6" x14ac:dyDescent="0.25">
      <c r="A173" s="47"/>
      <c r="B173" s="205" t="s">
        <v>211</v>
      </c>
      <c r="C173" s="200"/>
      <c r="D173" s="200"/>
      <c r="E173" s="200"/>
      <c r="F173" s="201"/>
    </row>
    <row r="174" spans="1:6" x14ac:dyDescent="0.25">
      <c r="A174" s="30"/>
      <c r="B174" s="198" t="s">
        <v>212</v>
      </c>
      <c r="C174" s="193"/>
      <c r="D174" s="193"/>
      <c r="E174" s="193"/>
      <c r="F174" s="194"/>
    </row>
    <row r="175" spans="1:6" x14ac:dyDescent="0.25">
      <c r="A175" s="30"/>
      <c r="B175" s="219" t="s">
        <v>213</v>
      </c>
      <c r="C175" s="220"/>
      <c r="D175" s="220"/>
      <c r="E175" s="220"/>
      <c r="F175" s="221"/>
    </row>
    <row r="176" spans="1:6" x14ac:dyDescent="0.25">
      <c r="A176" s="30"/>
      <c r="B176" s="198" t="s">
        <v>214</v>
      </c>
      <c r="C176" s="193"/>
      <c r="D176" s="193"/>
      <c r="E176" s="193"/>
      <c r="F176" s="194"/>
    </row>
    <row r="177" spans="1:6" x14ac:dyDescent="0.25">
      <c r="A177" s="30"/>
      <c r="B177" s="205" t="s">
        <v>215</v>
      </c>
      <c r="C177" s="200"/>
      <c r="D177" s="200"/>
      <c r="E177" s="200"/>
      <c r="F177" s="201"/>
    </row>
    <row r="178" spans="1:6" ht="15.75" thickBot="1" x14ac:dyDescent="0.3">
      <c r="A178" s="44"/>
      <c r="B178" s="206" t="s">
        <v>216</v>
      </c>
      <c r="C178" s="196"/>
      <c r="D178" s="196"/>
      <c r="E178" s="196"/>
      <c r="F178" s="197"/>
    </row>
    <row r="179" spans="1:6" ht="15.75" thickBot="1" x14ac:dyDescent="0.3">
      <c r="A179" s="16"/>
      <c r="B179" s="228" t="s">
        <v>165</v>
      </c>
      <c r="C179" s="226"/>
      <c r="D179" s="226"/>
      <c r="E179" s="226"/>
      <c r="F179" s="227"/>
    </row>
    <row r="180" spans="1:6" ht="15.75" thickBot="1" x14ac:dyDescent="0.3">
      <c r="A180" s="21" t="s">
        <v>166</v>
      </c>
      <c r="B180" s="19"/>
      <c r="C180" s="19"/>
      <c r="D180" s="19"/>
      <c r="E180" s="19"/>
      <c r="F180" s="28"/>
    </row>
    <row r="181" spans="1:6" x14ac:dyDescent="0.25">
      <c r="A181" s="29"/>
      <c r="B181" s="229" t="s">
        <v>167</v>
      </c>
      <c r="C181" s="203"/>
      <c r="D181" s="203"/>
      <c r="E181" s="203"/>
      <c r="F181" s="204"/>
    </row>
    <row r="182" spans="1:6" x14ac:dyDescent="0.25">
      <c r="A182" s="26"/>
      <c r="B182" s="198" t="s">
        <v>168</v>
      </c>
      <c r="C182" s="193"/>
      <c r="D182" s="193"/>
      <c r="E182" s="193"/>
      <c r="F182" s="194"/>
    </row>
    <row r="183" spans="1:6" x14ac:dyDescent="0.25">
      <c r="A183" s="26"/>
      <c r="B183" s="198" t="s">
        <v>169</v>
      </c>
      <c r="C183" s="193"/>
      <c r="D183" s="193"/>
      <c r="E183" s="193"/>
      <c r="F183" s="194"/>
    </row>
    <row r="184" spans="1:6" x14ac:dyDescent="0.25">
      <c r="A184" s="26"/>
      <c r="B184" s="198" t="s">
        <v>170</v>
      </c>
      <c r="C184" s="193"/>
      <c r="D184" s="193"/>
      <c r="E184" s="193"/>
      <c r="F184" s="194"/>
    </row>
    <row r="185" spans="1:6" x14ac:dyDescent="0.25">
      <c r="A185" s="26"/>
      <c r="B185" s="198" t="s">
        <v>171</v>
      </c>
      <c r="C185" s="193"/>
      <c r="D185" s="193"/>
      <c r="E185" s="193"/>
      <c r="F185" s="194"/>
    </row>
    <row r="186" spans="1:6" x14ac:dyDescent="0.25">
      <c r="A186" s="26"/>
      <c r="B186" s="198" t="s">
        <v>172</v>
      </c>
      <c r="C186" s="193"/>
      <c r="D186" s="193"/>
      <c r="E186" s="193"/>
      <c r="F186" s="194"/>
    </row>
    <row r="187" spans="1:6" x14ac:dyDescent="0.25">
      <c r="A187" s="26"/>
      <c r="B187" s="198" t="s">
        <v>173</v>
      </c>
      <c r="C187" s="193"/>
      <c r="D187" s="193"/>
      <c r="E187" s="193"/>
      <c r="F187" s="194"/>
    </row>
    <row r="188" spans="1:6" x14ac:dyDescent="0.25">
      <c r="A188" s="26"/>
      <c r="B188" s="198" t="s">
        <v>174</v>
      </c>
      <c r="C188" s="193"/>
      <c r="D188" s="193"/>
      <c r="E188" s="193"/>
      <c r="F188" s="194"/>
    </row>
    <row r="189" spans="1:6" x14ac:dyDescent="0.25">
      <c r="A189" s="26"/>
      <c r="B189" s="198" t="s">
        <v>175</v>
      </c>
      <c r="C189" s="193"/>
      <c r="D189" s="193"/>
      <c r="E189" s="193"/>
      <c r="F189" s="194"/>
    </row>
    <row r="190" spans="1:6" x14ac:dyDescent="0.25">
      <c r="A190" s="26"/>
      <c r="B190" s="198" t="s">
        <v>176</v>
      </c>
      <c r="C190" s="193"/>
      <c r="D190" s="193"/>
      <c r="E190" s="193"/>
      <c r="F190" s="194"/>
    </row>
    <row r="191" spans="1:6" x14ac:dyDescent="0.25">
      <c r="A191" s="26"/>
      <c r="B191" s="198" t="s">
        <v>31</v>
      </c>
      <c r="C191" s="193"/>
      <c r="D191" s="193"/>
      <c r="E191" s="193"/>
      <c r="F191" s="194"/>
    </row>
    <row r="192" spans="1:6" x14ac:dyDescent="0.25">
      <c r="A192" s="26"/>
      <c r="B192" s="198" t="s">
        <v>177</v>
      </c>
      <c r="C192" s="193"/>
      <c r="D192" s="193"/>
      <c r="E192" s="193"/>
      <c r="F192" s="194"/>
    </row>
    <row r="193" spans="1:6" ht="15.75" thickBot="1" x14ac:dyDescent="0.3">
      <c r="A193" s="27"/>
      <c r="B193" s="206" t="s">
        <v>178</v>
      </c>
      <c r="C193" s="196"/>
      <c r="D193" s="196"/>
      <c r="E193" s="196"/>
      <c r="F193" s="197"/>
    </row>
    <row r="194" spans="1:6" ht="15.75" thickBot="1" x14ac:dyDescent="0.3">
      <c r="A194" s="228" t="s">
        <v>767</v>
      </c>
      <c r="B194" s="226"/>
      <c r="C194" s="226"/>
      <c r="D194" s="226"/>
      <c r="E194" s="226"/>
      <c r="F194" s="227"/>
    </row>
    <row r="195" spans="1:6" ht="15.75" thickBot="1" x14ac:dyDescent="0.3">
      <c r="A195" s="231" t="s">
        <v>768</v>
      </c>
      <c r="B195" s="217"/>
      <c r="C195" s="217"/>
      <c r="D195" s="217"/>
      <c r="E195" s="217"/>
      <c r="F195" s="218"/>
    </row>
    <row r="196" spans="1:6" x14ac:dyDescent="0.25">
      <c r="A196" s="13"/>
      <c r="B196" s="199" t="s">
        <v>769</v>
      </c>
      <c r="C196" s="200"/>
      <c r="D196" s="200"/>
      <c r="E196" s="200"/>
      <c r="F196" s="201"/>
    </row>
    <row r="197" spans="1:6" x14ac:dyDescent="0.25">
      <c r="A197" s="6"/>
      <c r="B197" s="192" t="s">
        <v>770</v>
      </c>
      <c r="C197" s="193"/>
      <c r="D197" s="193"/>
      <c r="E197" s="193"/>
      <c r="F197" s="194"/>
    </row>
    <row r="198" spans="1:6" x14ac:dyDescent="0.25">
      <c r="A198" s="6"/>
      <c r="B198" s="192" t="s">
        <v>430</v>
      </c>
      <c r="C198" s="193"/>
      <c r="D198" s="193"/>
      <c r="E198" s="193"/>
      <c r="F198" s="194"/>
    </row>
    <row r="199" spans="1:6" x14ac:dyDescent="0.25">
      <c r="A199" s="6"/>
      <c r="B199" s="192" t="s">
        <v>775</v>
      </c>
      <c r="C199" s="193"/>
      <c r="D199" s="193"/>
      <c r="E199" s="193"/>
      <c r="F199" s="194"/>
    </row>
    <row r="200" spans="1:6" x14ac:dyDescent="0.25">
      <c r="A200" s="6"/>
      <c r="B200" s="192" t="s">
        <v>771</v>
      </c>
      <c r="C200" s="193"/>
      <c r="D200" s="193"/>
      <c r="E200" s="193"/>
      <c r="F200" s="194"/>
    </row>
    <row r="201" spans="1:6" x14ac:dyDescent="0.25">
      <c r="A201" s="6"/>
      <c r="B201" s="192" t="s">
        <v>772</v>
      </c>
      <c r="C201" s="193"/>
      <c r="D201" s="193"/>
      <c r="E201" s="193"/>
      <c r="F201" s="194"/>
    </row>
    <row r="202" spans="1:6" x14ac:dyDescent="0.25">
      <c r="A202" s="6"/>
      <c r="B202" s="192" t="s">
        <v>773</v>
      </c>
      <c r="C202" s="193"/>
      <c r="D202" s="193"/>
      <c r="E202" s="193"/>
      <c r="F202" s="194"/>
    </row>
    <row r="203" spans="1:6" ht="15.75" thickBot="1" x14ac:dyDescent="0.3">
      <c r="A203" s="7"/>
      <c r="B203" s="195" t="s">
        <v>774</v>
      </c>
      <c r="C203" s="196"/>
      <c r="D203" s="196"/>
      <c r="E203" s="196"/>
      <c r="F203" s="197"/>
    </row>
    <row r="204" spans="1:6" ht="15.75" thickBot="1" x14ac:dyDescent="0.3">
      <c r="A204" s="16"/>
      <c r="B204" s="225" t="s">
        <v>179</v>
      </c>
      <c r="C204" s="226"/>
      <c r="D204" s="226"/>
      <c r="E204" s="226"/>
      <c r="F204" s="227"/>
    </row>
    <row r="205" spans="1:6" ht="15.75" thickBot="1" x14ac:dyDescent="0.3">
      <c r="A205" s="21" t="s">
        <v>180</v>
      </c>
      <c r="B205" s="19"/>
      <c r="C205" s="19"/>
      <c r="D205" s="19"/>
      <c r="E205" s="19"/>
      <c r="F205" s="28"/>
    </row>
    <row r="206" spans="1:6" x14ac:dyDescent="0.25">
      <c r="A206" s="29"/>
      <c r="B206" s="199" t="s">
        <v>181</v>
      </c>
      <c r="C206" s="200"/>
      <c r="D206" s="200"/>
      <c r="E206" s="200"/>
      <c r="F206" s="201"/>
    </row>
    <row r="207" spans="1:6" x14ac:dyDescent="0.25">
      <c r="A207" s="26"/>
      <c r="B207" s="192" t="s">
        <v>182</v>
      </c>
      <c r="C207" s="193"/>
      <c r="D207" s="193"/>
      <c r="E207" s="193"/>
      <c r="F207" s="194"/>
    </row>
    <row r="208" spans="1:6" x14ac:dyDescent="0.25">
      <c r="A208" s="26"/>
      <c r="B208" s="192" t="s">
        <v>183</v>
      </c>
      <c r="C208" s="193"/>
      <c r="D208" s="193"/>
      <c r="E208" s="193"/>
      <c r="F208" s="194"/>
    </row>
    <row r="209" spans="1:6" x14ac:dyDescent="0.25">
      <c r="A209" s="26"/>
      <c r="B209" s="192" t="s">
        <v>184</v>
      </c>
      <c r="C209" s="193"/>
      <c r="D209" s="193"/>
      <c r="E209" s="193"/>
      <c r="F209" s="194"/>
    </row>
    <row r="210" spans="1:6" x14ac:dyDescent="0.25">
      <c r="A210" s="26"/>
      <c r="B210" s="192" t="s">
        <v>185</v>
      </c>
      <c r="C210" s="193"/>
      <c r="D210" s="193"/>
      <c r="E210" s="193"/>
      <c r="F210" s="194"/>
    </row>
    <row r="211" spans="1:6" x14ac:dyDescent="0.25">
      <c r="A211" s="26"/>
      <c r="B211" s="192" t="s">
        <v>186</v>
      </c>
      <c r="C211" s="193"/>
      <c r="D211" s="193"/>
      <c r="E211" s="193"/>
      <c r="F211" s="194"/>
    </row>
    <row r="212" spans="1:6" ht="15.75" thickBot="1" x14ac:dyDescent="0.3">
      <c r="A212" s="27"/>
      <c r="B212" s="195" t="s">
        <v>187</v>
      </c>
      <c r="C212" s="196"/>
      <c r="D212" s="196"/>
      <c r="E212" s="196"/>
      <c r="F212" s="197"/>
    </row>
    <row r="213" spans="1:6" ht="15.75" thickBot="1" x14ac:dyDescent="0.3">
      <c r="A213" s="16"/>
      <c r="B213" s="228" t="s">
        <v>153</v>
      </c>
      <c r="C213" s="226"/>
      <c r="D213" s="226"/>
      <c r="E213" s="226"/>
      <c r="F213" s="227"/>
    </row>
    <row r="214" spans="1:6" ht="15.75" thickBot="1" x14ac:dyDescent="0.3">
      <c r="A214" s="21" t="s">
        <v>154</v>
      </c>
      <c r="B214" s="19"/>
      <c r="C214" s="19"/>
      <c r="D214" s="19"/>
      <c r="E214" s="19"/>
      <c r="F214" s="28"/>
    </row>
    <row r="215" spans="1:6" x14ac:dyDescent="0.25">
      <c r="A215" s="29"/>
      <c r="B215" s="199" t="s">
        <v>155</v>
      </c>
      <c r="C215" s="200"/>
      <c r="D215" s="200"/>
      <c r="E215" s="200"/>
      <c r="F215" s="201"/>
    </row>
    <row r="216" spans="1:6" x14ac:dyDescent="0.25">
      <c r="A216" s="26"/>
      <c r="B216" s="192" t="s">
        <v>156</v>
      </c>
      <c r="C216" s="193"/>
      <c r="D216" s="193"/>
      <c r="E216" s="193"/>
      <c r="F216" s="194"/>
    </row>
    <row r="217" spans="1:6" x14ac:dyDescent="0.25">
      <c r="A217" s="26"/>
      <c r="B217" s="192" t="s">
        <v>157</v>
      </c>
      <c r="C217" s="193"/>
      <c r="D217" s="193"/>
      <c r="E217" s="193"/>
      <c r="F217" s="194"/>
    </row>
    <row r="218" spans="1:6" x14ac:dyDescent="0.25">
      <c r="A218" s="26"/>
      <c r="B218" s="192" t="s">
        <v>158</v>
      </c>
      <c r="C218" s="193"/>
      <c r="D218" s="193"/>
      <c r="E218" s="193"/>
      <c r="F218" s="194"/>
    </row>
    <row r="219" spans="1:6" x14ac:dyDescent="0.25">
      <c r="A219" s="26"/>
      <c r="B219" s="192" t="s">
        <v>159</v>
      </c>
      <c r="C219" s="193"/>
      <c r="D219" s="193"/>
      <c r="E219" s="193"/>
      <c r="F219" s="194"/>
    </row>
    <row r="220" spans="1:6" x14ac:dyDescent="0.25">
      <c r="A220" s="26"/>
      <c r="B220" s="192" t="s">
        <v>160</v>
      </c>
      <c r="C220" s="193"/>
      <c r="D220" s="193"/>
      <c r="E220" s="193"/>
      <c r="F220" s="194"/>
    </row>
    <row r="221" spans="1:6" x14ac:dyDescent="0.25">
      <c r="A221" s="26"/>
      <c r="B221" s="192" t="s">
        <v>161</v>
      </c>
      <c r="C221" s="193"/>
      <c r="D221" s="193"/>
      <c r="E221" s="193"/>
      <c r="F221" s="194"/>
    </row>
    <row r="222" spans="1:6" x14ac:dyDescent="0.25">
      <c r="A222" s="26"/>
      <c r="B222" s="192" t="s">
        <v>162</v>
      </c>
      <c r="C222" s="193"/>
      <c r="D222" s="193"/>
      <c r="E222" s="193"/>
      <c r="F222" s="194"/>
    </row>
    <row r="223" spans="1:6" x14ac:dyDescent="0.25">
      <c r="A223" s="26"/>
      <c r="B223" s="192" t="s">
        <v>163</v>
      </c>
      <c r="C223" s="193"/>
      <c r="D223" s="193"/>
      <c r="E223" s="193"/>
      <c r="F223" s="194"/>
    </row>
    <row r="224" spans="1:6" ht="15.75" thickBot="1" x14ac:dyDescent="0.3">
      <c r="A224" s="27"/>
      <c r="B224" s="195" t="s">
        <v>164</v>
      </c>
      <c r="C224" s="196"/>
      <c r="D224" s="196"/>
      <c r="E224" s="196"/>
      <c r="F224" s="197"/>
    </row>
    <row r="225" spans="1:6" ht="15.75" thickBot="1" x14ac:dyDescent="0.3">
      <c r="A225" s="20"/>
      <c r="B225" s="230" t="s">
        <v>188</v>
      </c>
      <c r="C225" s="208"/>
      <c r="D225" s="208"/>
      <c r="E225" s="208"/>
      <c r="F225" s="209"/>
    </row>
    <row r="226" spans="1:6" ht="15.75" thickBot="1" x14ac:dyDescent="0.3">
      <c r="A226" s="213" t="s">
        <v>189</v>
      </c>
      <c r="B226" s="214"/>
      <c r="C226" s="214"/>
      <c r="D226" s="214"/>
      <c r="E226" s="214"/>
      <c r="F226" s="215"/>
    </row>
    <row r="227" spans="1:6" x14ac:dyDescent="0.25">
      <c r="A227" s="29"/>
      <c r="B227" s="229" t="s">
        <v>190</v>
      </c>
      <c r="C227" s="203"/>
      <c r="D227" s="203"/>
      <c r="E227" s="203"/>
      <c r="F227" s="204"/>
    </row>
    <row r="228" spans="1:6" x14ac:dyDescent="0.25">
      <c r="A228" s="26"/>
      <c r="B228" s="198" t="s">
        <v>162</v>
      </c>
      <c r="C228" s="193"/>
      <c r="D228" s="193"/>
      <c r="E228" s="193"/>
      <c r="F228" s="194"/>
    </row>
    <row r="229" spans="1:6" x14ac:dyDescent="0.25">
      <c r="A229" s="26"/>
      <c r="B229" s="198" t="s">
        <v>191</v>
      </c>
      <c r="C229" s="193"/>
      <c r="D229" s="193"/>
      <c r="E229" s="193"/>
      <c r="F229" s="194"/>
    </row>
    <row r="230" spans="1:6" x14ac:dyDescent="0.25">
      <c r="A230" s="26"/>
      <c r="B230" s="198" t="s">
        <v>192</v>
      </c>
      <c r="C230" s="193"/>
      <c r="D230" s="193"/>
      <c r="E230" s="193"/>
      <c r="F230" s="194"/>
    </row>
    <row r="231" spans="1:6" x14ac:dyDescent="0.25">
      <c r="A231" s="26"/>
      <c r="B231" s="198" t="s">
        <v>193</v>
      </c>
      <c r="C231" s="193"/>
      <c r="D231" s="193"/>
      <c r="E231" s="193"/>
      <c r="F231" s="194"/>
    </row>
    <row r="232" spans="1:6" x14ac:dyDescent="0.25">
      <c r="A232" s="26"/>
      <c r="B232" s="198" t="s">
        <v>194</v>
      </c>
      <c r="C232" s="193"/>
      <c r="D232" s="193"/>
      <c r="E232" s="193"/>
      <c r="F232" s="194"/>
    </row>
    <row r="233" spans="1:6" x14ac:dyDescent="0.25">
      <c r="A233" s="26"/>
      <c r="B233" s="198" t="s">
        <v>195</v>
      </c>
      <c r="C233" s="193"/>
      <c r="D233" s="193"/>
      <c r="E233" s="193"/>
      <c r="F233" s="194"/>
    </row>
    <row r="234" spans="1:6" x14ac:dyDescent="0.25">
      <c r="A234" s="26"/>
      <c r="B234" s="198" t="s">
        <v>196</v>
      </c>
      <c r="C234" s="193"/>
      <c r="D234" s="193"/>
      <c r="E234" s="193"/>
      <c r="F234" s="194"/>
    </row>
    <row r="235" spans="1:6" x14ac:dyDescent="0.25">
      <c r="A235" s="26"/>
      <c r="B235" s="198" t="s">
        <v>197</v>
      </c>
      <c r="C235" s="193"/>
      <c r="D235" s="193"/>
      <c r="E235" s="193"/>
      <c r="F235" s="194"/>
    </row>
    <row r="236" spans="1:6" x14ac:dyDescent="0.25">
      <c r="A236" s="26"/>
      <c r="B236" s="198" t="s">
        <v>198</v>
      </c>
      <c r="C236" s="193"/>
      <c r="D236" s="193"/>
      <c r="E236" s="193"/>
      <c r="F236" s="194"/>
    </row>
    <row r="237" spans="1:6" x14ac:dyDescent="0.25">
      <c r="A237" s="26"/>
      <c r="B237" s="198" t="s">
        <v>199</v>
      </c>
      <c r="C237" s="193"/>
      <c r="D237" s="193"/>
      <c r="E237" s="193"/>
      <c r="F237" s="194"/>
    </row>
    <row r="238" spans="1:6" x14ac:dyDescent="0.25">
      <c r="A238" s="26"/>
      <c r="B238" s="198" t="s">
        <v>200</v>
      </c>
      <c r="C238" s="193"/>
      <c r="D238" s="193"/>
      <c r="E238" s="193"/>
      <c r="F238" s="194"/>
    </row>
    <row r="239" spans="1:6" x14ac:dyDescent="0.25">
      <c r="A239" s="26"/>
      <c r="B239" s="198" t="s">
        <v>201</v>
      </c>
      <c r="C239" s="193"/>
      <c r="D239" s="193"/>
      <c r="E239" s="193"/>
      <c r="F239" s="194"/>
    </row>
    <row r="240" spans="1:6" x14ac:dyDescent="0.25">
      <c r="A240" s="26"/>
      <c r="B240" s="198" t="s">
        <v>202</v>
      </c>
      <c r="C240" s="193"/>
      <c r="D240" s="193"/>
      <c r="E240" s="193"/>
      <c r="F240" s="194"/>
    </row>
    <row r="241" spans="1:6" x14ac:dyDescent="0.25">
      <c r="A241" s="26"/>
      <c r="B241" s="198" t="s">
        <v>203</v>
      </c>
      <c r="C241" s="193"/>
      <c r="D241" s="193"/>
      <c r="E241" s="193"/>
      <c r="F241" s="194"/>
    </row>
    <row r="242" spans="1:6" x14ac:dyDescent="0.25">
      <c r="A242" s="26"/>
      <c r="B242" s="198" t="s">
        <v>204</v>
      </c>
      <c r="C242" s="193"/>
      <c r="D242" s="193"/>
      <c r="E242" s="193"/>
      <c r="F242" s="194"/>
    </row>
    <row r="243" spans="1:6" x14ac:dyDescent="0.25">
      <c r="A243" s="26"/>
      <c r="B243" s="198" t="s">
        <v>182</v>
      </c>
      <c r="C243" s="193"/>
      <c r="D243" s="193"/>
      <c r="E243" s="193"/>
      <c r="F243" s="194"/>
    </row>
    <row r="244" spans="1:6" x14ac:dyDescent="0.25">
      <c r="A244" s="26"/>
      <c r="B244" s="198" t="s">
        <v>205</v>
      </c>
      <c r="C244" s="193"/>
      <c r="D244" s="193"/>
      <c r="E244" s="193"/>
      <c r="F244" s="194"/>
    </row>
    <row r="245" spans="1:6" x14ac:dyDescent="0.25">
      <c r="A245" s="26"/>
      <c r="B245" s="198" t="s">
        <v>206</v>
      </c>
      <c r="C245" s="193"/>
      <c r="D245" s="193"/>
      <c r="E245" s="193"/>
      <c r="F245" s="194"/>
    </row>
    <row r="246" spans="1:6" x14ac:dyDescent="0.25">
      <c r="A246" s="26"/>
      <c r="B246" s="198" t="s">
        <v>207</v>
      </c>
      <c r="C246" s="193"/>
      <c r="D246" s="193"/>
      <c r="E246" s="193"/>
      <c r="F246" s="194"/>
    </row>
    <row r="247" spans="1:6" x14ac:dyDescent="0.25">
      <c r="A247" s="26"/>
      <c r="B247" s="198" t="s">
        <v>208</v>
      </c>
      <c r="C247" s="193"/>
      <c r="D247" s="193"/>
      <c r="E247" s="193"/>
      <c r="F247" s="194"/>
    </row>
    <row r="248" spans="1:6" ht="15.75" thickBot="1" x14ac:dyDescent="0.3">
      <c r="A248" s="27"/>
      <c r="B248" s="206" t="s">
        <v>209</v>
      </c>
      <c r="C248" s="196"/>
      <c r="D248" s="196"/>
      <c r="E248" s="196"/>
      <c r="F248" s="197"/>
    </row>
    <row r="249" spans="1:6" ht="15.75" thickBot="1" x14ac:dyDescent="0.3">
      <c r="A249" s="18"/>
      <c r="B249" s="208" t="s">
        <v>246</v>
      </c>
      <c r="C249" s="208"/>
      <c r="D249" s="208"/>
      <c r="E249" s="208"/>
      <c r="F249" s="209"/>
    </row>
    <row r="250" spans="1:6" ht="15.75" thickBot="1" x14ac:dyDescent="0.3">
      <c r="A250" s="10" t="s">
        <v>247</v>
      </c>
      <c r="B250" s="11"/>
      <c r="C250" s="11"/>
      <c r="D250" s="11"/>
      <c r="E250" s="11"/>
      <c r="F250" s="12"/>
    </row>
    <row r="251" spans="1:6" x14ac:dyDescent="0.25">
      <c r="A251" s="25"/>
      <c r="B251" s="202" t="s">
        <v>248</v>
      </c>
      <c r="C251" s="203"/>
      <c r="D251" s="203"/>
      <c r="E251" s="203"/>
      <c r="F251" s="204"/>
    </row>
    <row r="252" spans="1:6" x14ac:dyDescent="0.25">
      <c r="A252" s="26"/>
      <c r="B252" s="192" t="s">
        <v>249</v>
      </c>
      <c r="C252" s="193"/>
      <c r="D252" s="193"/>
      <c r="E252" s="193"/>
      <c r="F252" s="194"/>
    </row>
    <row r="253" spans="1:6" x14ac:dyDescent="0.25">
      <c r="A253" s="26"/>
      <c r="B253" s="192" t="s">
        <v>250</v>
      </c>
      <c r="C253" s="193"/>
      <c r="D253" s="193"/>
      <c r="E253" s="193"/>
      <c r="F253" s="194"/>
    </row>
    <row r="254" spans="1:6" x14ac:dyDescent="0.25">
      <c r="A254" s="26"/>
      <c r="B254" s="192" t="s">
        <v>251</v>
      </c>
      <c r="C254" s="193"/>
      <c r="D254" s="193"/>
      <c r="E254" s="193"/>
      <c r="F254" s="194"/>
    </row>
    <row r="255" spans="1:6" ht="15.75" thickBot="1" x14ac:dyDescent="0.3">
      <c r="A255" s="27"/>
      <c r="B255" s="195" t="s">
        <v>252</v>
      </c>
      <c r="C255" s="196"/>
      <c r="D255" s="196"/>
      <c r="E255" s="196"/>
      <c r="F255" s="197"/>
    </row>
    <row r="256" spans="1:6" ht="15.75" thickBot="1" x14ac:dyDescent="0.3">
      <c r="A256" s="180" t="s">
        <v>785</v>
      </c>
      <c r="B256" s="181"/>
      <c r="C256" s="181"/>
      <c r="D256" s="181"/>
      <c r="E256" s="181"/>
      <c r="F256" s="182"/>
    </row>
    <row r="257" spans="1:6" ht="15.75" thickBot="1" x14ac:dyDescent="0.3">
      <c r="A257" s="183" t="s">
        <v>784</v>
      </c>
      <c r="B257" s="184"/>
      <c r="C257" s="184"/>
      <c r="D257" s="184"/>
      <c r="E257" s="184"/>
      <c r="F257" s="185"/>
    </row>
    <row r="258" spans="1:6" x14ac:dyDescent="0.25">
      <c r="A258" s="13"/>
      <c r="B258" s="238" t="s">
        <v>786</v>
      </c>
      <c r="C258" s="239"/>
      <c r="D258" s="239"/>
      <c r="E258" s="239"/>
      <c r="F258" s="240"/>
    </row>
    <row r="259" spans="1:6" x14ac:dyDescent="0.25">
      <c r="A259" s="6"/>
      <c r="B259" s="241" t="s">
        <v>787</v>
      </c>
      <c r="C259" s="242"/>
      <c r="D259" s="242"/>
      <c r="E259" s="242"/>
      <c r="F259" s="243"/>
    </row>
    <row r="260" spans="1:6" x14ac:dyDescent="0.25">
      <c r="A260" s="6"/>
      <c r="B260" s="241" t="s">
        <v>788</v>
      </c>
      <c r="C260" s="242"/>
      <c r="D260" s="242"/>
      <c r="E260" s="242"/>
      <c r="F260" s="243"/>
    </row>
    <row r="261" spans="1:6" x14ac:dyDescent="0.25">
      <c r="A261" s="6"/>
      <c r="B261" s="241" t="s">
        <v>789</v>
      </c>
      <c r="C261" s="242"/>
      <c r="D261" s="242"/>
      <c r="E261" s="242"/>
      <c r="F261" s="243"/>
    </row>
    <row r="262" spans="1:6" x14ac:dyDescent="0.25">
      <c r="A262" s="6"/>
      <c r="B262" s="241" t="s">
        <v>790</v>
      </c>
      <c r="C262" s="242"/>
      <c r="D262" s="242"/>
      <c r="E262" s="242"/>
      <c r="F262" s="243"/>
    </row>
    <row r="263" spans="1:6" ht="15.75" thickBot="1" x14ac:dyDescent="0.3">
      <c r="A263" s="7"/>
      <c r="B263" s="244" t="s">
        <v>791</v>
      </c>
      <c r="C263" s="245"/>
      <c r="D263" s="245"/>
      <c r="E263" s="245"/>
      <c r="F263" s="246"/>
    </row>
    <row r="264" spans="1:6" ht="15.75" thickBot="1" x14ac:dyDescent="0.3">
      <c r="A264" s="18"/>
      <c r="B264" s="208" t="s">
        <v>1</v>
      </c>
      <c r="C264" s="208"/>
      <c r="D264" s="208"/>
      <c r="E264" s="208"/>
      <c r="F264" s="209"/>
    </row>
    <row r="265" spans="1:6" ht="15.75" thickBot="1" x14ac:dyDescent="0.3">
      <c r="A265" s="216" t="s">
        <v>0</v>
      </c>
      <c r="B265" s="217"/>
      <c r="C265" s="217"/>
      <c r="D265" s="217"/>
      <c r="E265" s="217"/>
      <c r="F265" s="218"/>
    </row>
    <row r="266" spans="1:6" x14ac:dyDescent="0.25">
      <c r="A266" s="25"/>
      <c r="B266" s="202" t="s">
        <v>2</v>
      </c>
      <c r="C266" s="203"/>
      <c r="D266" s="203"/>
      <c r="E266" s="203"/>
      <c r="F266" s="204"/>
    </row>
    <row r="267" spans="1:6" x14ac:dyDescent="0.25">
      <c r="A267" s="26"/>
      <c r="B267" s="192" t="s">
        <v>3</v>
      </c>
      <c r="C267" s="193"/>
      <c r="D267" s="193"/>
      <c r="E267" s="193"/>
      <c r="F267" s="194"/>
    </row>
    <row r="268" spans="1:6" x14ac:dyDescent="0.25">
      <c r="A268" s="26"/>
      <c r="B268" s="192" t="s">
        <v>8</v>
      </c>
      <c r="C268" s="193"/>
      <c r="D268" s="193"/>
      <c r="E268" s="193"/>
      <c r="F268" s="194"/>
    </row>
    <row r="269" spans="1:6" x14ac:dyDescent="0.25">
      <c r="A269" s="26"/>
      <c r="B269" s="192" t="s">
        <v>4</v>
      </c>
      <c r="C269" s="193"/>
      <c r="D269" s="193"/>
      <c r="E269" s="193"/>
      <c r="F269" s="194"/>
    </row>
    <row r="270" spans="1:6" x14ac:dyDescent="0.25">
      <c r="A270" s="26"/>
      <c r="B270" s="192" t="s">
        <v>9</v>
      </c>
      <c r="C270" s="193"/>
      <c r="D270" s="193"/>
      <c r="E270" s="193"/>
      <c r="F270" s="194"/>
    </row>
    <row r="271" spans="1:6" x14ac:dyDescent="0.25">
      <c r="A271" s="26"/>
      <c r="B271" s="192" t="s">
        <v>10</v>
      </c>
      <c r="C271" s="193"/>
      <c r="D271" s="193"/>
      <c r="E271" s="193"/>
      <c r="F271" s="194"/>
    </row>
    <row r="272" spans="1:6" x14ac:dyDescent="0.25">
      <c r="A272" s="26"/>
      <c r="B272" s="192" t="s">
        <v>5</v>
      </c>
      <c r="C272" s="193"/>
      <c r="D272" s="193"/>
      <c r="E272" s="193"/>
      <c r="F272" s="194"/>
    </row>
    <row r="273" spans="1:6" x14ac:dyDescent="0.25">
      <c r="A273" s="26"/>
      <c r="B273" s="192" t="s">
        <v>6</v>
      </c>
      <c r="C273" s="193"/>
      <c r="D273" s="193"/>
      <c r="E273" s="193"/>
      <c r="F273" s="194"/>
    </row>
    <row r="274" spans="1:6" ht="15.75" thickBot="1" x14ac:dyDescent="0.3">
      <c r="A274" s="27"/>
      <c r="B274" s="195" t="s">
        <v>11</v>
      </c>
      <c r="C274" s="196"/>
      <c r="D274" s="196"/>
      <c r="E274" s="196"/>
      <c r="F274" s="197"/>
    </row>
    <row r="275" spans="1:6" ht="15.75" thickBot="1" x14ac:dyDescent="0.3">
      <c r="A275" s="207" t="s">
        <v>734</v>
      </c>
      <c r="B275" s="208"/>
      <c r="C275" s="208"/>
      <c r="D275" s="208"/>
      <c r="E275" s="208"/>
      <c r="F275" s="209"/>
    </row>
    <row r="276" spans="1:6" ht="15.75" thickBot="1" x14ac:dyDescent="0.3">
      <c r="A276" s="210" t="s">
        <v>735</v>
      </c>
      <c r="B276" s="211"/>
      <c r="C276" s="211"/>
      <c r="D276" s="211"/>
      <c r="E276" s="211"/>
      <c r="F276" s="212"/>
    </row>
    <row r="277" spans="1:6" x14ac:dyDescent="0.25">
      <c r="A277" s="25"/>
      <c r="B277" s="199" t="s">
        <v>733</v>
      </c>
      <c r="C277" s="200"/>
      <c r="D277" s="200"/>
      <c r="E277" s="200"/>
      <c r="F277" s="201"/>
    </row>
    <row r="278" spans="1:6" ht="30" customHeight="1" x14ac:dyDescent="0.25">
      <c r="A278" s="26"/>
      <c r="B278" s="192" t="s">
        <v>57</v>
      </c>
      <c r="C278" s="193"/>
      <c r="D278" s="193"/>
      <c r="E278" s="193"/>
      <c r="F278" s="194"/>
    </row>
    <row r="279" spans="1:6" x14ac:dyDescent="0.25">
      <c r="A279" s="26"/>
      <c r="B279" s="192" t="s">
        <v>736</v>
      </c>
      <c r="C279" s="193"/>
      <c r="D279" s="193"/>
      <c r="E279" s="193"/>
      <c r="F279" s="194"/>
    </row>
    <row r="280" spans="1:6" x14ac:dyDescent="0.25">
      <c r="A280" s="26"/>
      <c r="B280" s="192" t="s">
        <v>737</v>
      </c>
      <c r="C280" s="193"/>
      <c r="D280" s="193"/>
      <c r="E280" s="193"/>
      <c r="F280" s="194"/>
    </row>
    <row r="281" spans="1:6" x14ac:dyDescent="0.25">
      <c r="A281" s="26"/>
      <c r="B281" s="192" t="s">
        <v>738</v>
      </c>
      <c r="C281" s="193"/>
      <c r="D281" s="193"/>
      <c r="E281" s="193"/>
      <c r="F281" s="194"/>
    </row>
    <row r="282" spans="1:6" x14ac:dyDescent="0.25">
      <c r="A282" s="26"/>
      <c r="B282" s="192" t="s">
        <v>739</v>
      </c>
      <c r="C282" s="193"/>
      <c r="D282" s="193"/>
      <c r="E282" s="193"/>
      <c r="F282" s="194"/>
    </row>
    <row r="283" spans="1:6" x14ac:dyDescent="0.25">
      <c r="A283" s="26"/>
      <c r="B283" s="192" t="s">
        <v>740</v>
      </c>
      <c r="C283" s="193"/>
      <c r="D283" s="193"/>
      <c r="E283" s="193"/>
      <c r="F283" s="194"/>
    </row>
    <row r="284" spans="1:6" x14ac:dyDescent="0.25">
      <c r="A284" s="26"/>
      <c r="B284" s="192" t="s">
        <v>741</v>
      </c>
      <c r="C284" s="193"/>
      <c r="D284" s="193"/>
      <c r="E284" s="193"/>
      <c r="F284" s="194"/>
    </row>
    <row r="285" spans="1:6" x14ac:dyDescent="0.25">
      <c r="A285" s="26"/>
      <c r="B285" s="192" t="s">
        <v>742</v>
      </c>
      <c r="C285" s="193"/>
      <c r="D285" s="193"/>
      <c r="E285" s="193"/>
      <c r="F285" s="194"/>
    </row>
    <row r="286" spans="1:6" x14ac:dyDescent="0.25">
      <c r="A286" s="26"/>
      <c r="B286" s="192" t="s">
        <v>743</v>
      </c>
      <c r="C286" s="193"/>
      <c r="D286" s="193"/>
      <c r="E286" s="193"/>
      <c r="F286" s="194"/>
    </row>
    <row r="287" spans="1:6" x14ac:dyDescent="0.25">
      <c r="A287" s="26"/>
      <c r="B287" s="192" t="s">
        <v>744</v>
      </c>
      <c r="C287" s="193"/>
      <c r="D287" s="193"/>
      <c r="E287" s="193"/>
      <c r="F287" s="194"/>
    </row>
    <row r="288" spans="1:6" x14ac:dyDescent="0.25">
      <c r="A288" s="26"/>
      <c r="B288" s="192" t="s">
        <v>745</v>
      </c>
      <c r="C288" s="193"/>
      <c r="D288" s="193"/>
      <c r="E288" s="193"/>
      <c r="F288" s="194"/>
    </row>
    <row r="289" spans="1:6" x14ac:dyDescent="0.25">
      <c r="A289" s="26"/>
      <c r="B289" s="192" t="s">
        <v>746</v>
      </c>
      <c r="C289" s="193"/>
      <c r="D289" s="193"/>
      <c r="E289" s="193"/>
      <c r="F289" s="194"/>
    </row>
    <row r="290" spans="1:6" x14ac:dyDescent="0.25">
      <c r="A290" s="26"/>
      <c r="B290" s="192" t="s">
        <v>747</v>
      </c>
      <c r="C290" s="193"/>
      <c r="D290" s="193"/>
      <c r="E290" s="193"/>
      <c r="F290" s="194"/>
    </row>
    <row r="291" spans="1:6" x14ac:dyDescent="0.25">
      <c r="A291" s="26"/>
      <c r="B291" s="192" t="s">
        <v>730</v>
      </c>
      <c r="C291" s="193"/>
      <c r="D291" s="193"/>
      <c r="E291" s="193"/>
      <c r="F291" s="194"/>
    </row>
    <row r="292" spans="1:6" x14ac:dyDescent="0.25">
      <c r="A292" s="26"/>
      <c r="B292" s="192" t="s">
        <v>748</v>
      </c>
      <c r="C292" s="193"/>
      <c r="D292" s="193"/>
      <c r="E292" s="193"/>
      <c r="F292" s="194"/>
    </row>
    <row r="293" spans="1:6" x14ac:dyDescent="0.25">
      <c r="A293" s="26"/>
      <c r="B293" s="192" t="s">
        <v>749</v>
      </c>
      <c r="C293" s="193"/>
      <c r="D293" s="193"/>
      <c r="E293" s="193"/>
      <c r="F293" s="194"/>
    </row>
    <row r="294" spans="1:6" x14ac:dyDescent="0.25">
      <c r="A294" s="26"/>
      <c r="B294" s="192" t="s">
        <v>750</v>
      </c>
      <c r="C294" s="193"/>
      <c r="D294" s="193"/>
      <c r="E294" s="193"/>
      <c r="F294" s="194"/>
    </row>
    <row r="295" spans="1:6" x14ac:dyDescent="0.25">
      <c r="A295" s="26"/>
      <c r="B295" s="192" t="s">
        <v>751</v>
      </c>
      <c r="C295" s="193"/>
      <c r="D295" s="193"/>
      <c r="E295" s="193"/>
      <c r="F295" s="194"/>
    </row>
    <row r="296" spans="1:6" x14ac:dyDescent="0.25">
      <c r="A296" s="26"/>
      <c r="B296" s="192" t="s">
        <v>752</v>
      </c>
      <c r="C296" s="193"/>
      <c r="D296" s="193"/>
      <c r="E296" s="193"/>
      <c r="F296" s="194"/>
    </row>
    <row r="297" spans="1:6" x14ac:dyDescent="0.25">
      <c r="A297" s="26"/>
      <c r="B297" s="192" t="s">
        <v>753</v>
      </c>
      <c r="C297" s="193"/>
      <c r="D297" s="193"/>
      <c r="E297" s="193"/>
      <c r="F297" s="194"/>
    </row>
    <row r="298" spans="1:6" x14ac:dyDescent="0.25">
      <c r="A298" s="26"/>
      <c r="B298" s="192" t="s">
        <v>754</v>
      </c>
      <c r="C298" s="193"/>
      <c r="D298" s="193"/>
      <c r="E298" s="193"/>
      <c r="F298" s="194"/>
    </row>
    <row r="299" spans="1:6" x14ac:dyDescent="0.25">
      <c r="A299" s="26"/>
      <c r="B299" s="192" t="s">
        <v>755</v>
      </c>
      <c r="C299" s="193"/>
      <c r="D299" s="193"/>
      <c r="E299" s="193"/>
      <c r="F299" s="194"/>
    </row>
    <row r="300" spans="1:6" x14ac:dyDescent="0.25">
      <c r="A300" s="26"/>
      <c r="B300" s="192" t="s">
        <v>756</v>
      </c>
      <c r="C300" s="193"/>
      <c r="D300" s="193"/>
      <c r="E300" s="193"/>
      <c r="F300" s="194"/>
    </row>
    <row r="301" spans="1:6" x14ac:dyDescent="0.25">
      <c r="A301" s="26"/>
      <c r="B301" s="192" t="s">
        <v>757</v>
      </c>
      <c r="C301" s="193"/>
      <c r="D301" s="193"/>
      <c r="E301" s="193"/>
      <c r="F301" s="194"/>
    </row>
    <row r="302" spans="1:6" x14ac:dyDescent="0.25">
      <c r="A302" s="26"/>
      <c r="B302" s="192" t="s">
        <v>758</v>
      </c>
      <c r="C302" s="193"/>
      <c r="D302" s="193"/>
      <c r="E302" s="193"/>
      <c r="F302" s="194"/>
    </row>
    <row r="303" spans="1:6" x14ac:dyDescent="0.25">
      <c r="A303" s="26"/>
      <c r="B303" s="192" t="s">
        <v>759</v>
      </c>
      <c r="C303" s="193"/>
      <c r="D303" s="193"/>
      <c r="E303" s="193"/>
      <c r="F303" s="194"/>
    </row>
    <row r="304" spans="1:6" ht="15.75" thickBot="1" x14ac:dyDescent="0.3">
      <c r="A304" s="27"/>
      <c r="B304" s="195" t="s">
        <v>760</v>
      </c>
      <c r="C304" s="196"/>
      <c r="D304" s="196"/>
      <c r="E304" s="196"/>
      <c r="F304" s="197"/>
    </row>
    <row r="305" spans="1:6" ht="15.75" thickBot="1" x14ac:dyDescent="0.3">
      <c r="A305" s="207" t="s">
        <v>826</v>
      </c>
      <c r="B305" s="208"/>
      <c r="C305" s="208"/>
      <c r="D305" s="208"/>
      <c r="E305" s="208"/>
      <c r="F305" s="209"/>
    </row>
    <row r="306" spans="1:6" ht="15.75" thickBot="1" x14ac:dyDescent="0.3">
      <c r="A306" s="183" t="s">
        <v>827</v>
      </c>
      <c r="B306" s="184"/>
      <c r="C306" s="184"/>
      <c r="D306" s="184"/>
      <c r="E306" s="184"/>
      <c r="F306" s="185"/>
    </row>
    <row r="307" spans="1:6" x14ac:dyDescent="0.25">
      <c r="A307" s="13"/>
      <c r="B307" s="199" t="s">
        <v>828</v>
      </c>
      <c r="C307" s="200"/>
      <c r="D307" s="200"/>
      <c r="E307" s="200"/>
      <c r="F307" s="201"/>
    </row>
    <row r="308" spans="1:6" x14ac:dyDescent="0.25">
      <c r="A308" s="6"/>
      <c r="B308" s="192" t="s">
        <v>829</v>
      </c>
      <c r="C308" s="193"/>
      <c r="D308" s="193"/>
      <c r="E308" s="193"/>
      <c r="F308" s="194"/>
    </row>
    <row r="309" spans="1:6" x14ac:dyDescent="0.25">
      <c r="A309" s="6"/>
      <c r="B309" s="192" t="s">
        <v>830</v>
      </c>
      <c r="C309" s="193"/>
      <c r="D309" s="193"/>
      <c r="E309" s="193"/>
      <c r="F309" s="194"/>
    </row>
    <row r="310" spans="1:6" x14ac:dyDescent="0.25">
      <c r="A310" s="6"/>
      <c r="B310" s="192" t="s">
        <v>831</v>
      </c>
      <c r="C310" s="193"/>
      <c r="D310" s="193"/>
      <c r="E310" s="193"/>
      <c r="F310" s="194"/>
    </row>
    <row r="311" spans="1:6" ht="15.75" thickBot="1" x14ac:dyDescent="0.3">
      <c r="A311" s="7"/>
      <c r="B311" s="195" t="s">
        <v>832</v>
      </c>
      <c r="C311" s="196"/>
      <c r="D311" s="196"/>
      <c r="E311" s="196"/>
      <c r="F311" s="197"/>
    </row>
    <row r="312" spans="1:6" ht="31.5" customHeight="1" thickBot="1" x14ac:dyDescent="0.3">
      <c r="A312" s="180" t="s">
        <v>98</v>
      </c>
      <c r="B312" s="181"/>
      <c r="C312" s="181"/>
      <c r="D312" s="181"/>
      <c r="E312" s="181"/>
      <c r="F312" s="182"/>
    </row>
    <row r="313" spans="1:6" ht="15.75" thickBot="1" x14ac:dyDescent="0.3">
      <c r="A313" s="183" t="s">
        <v>99</v>
      </c>
      <c r="B313" s="184"/>
      <c r="C313" s="184"/>
      <c r="D313" s="184"/>
      <c r="E313" s="184"/>
      <c r="F313" s="185"/>
    </row>
    <row r="314" spans="1:6" x14ac:dyDescent="0.25">
      <c r="A314" s="25"/>
      <c r="B314" s="189" t="s">
        <v>100</v>
      </c>
      <c r="C314" s="190"/>
      <c r="D314" s="190"/>
      <c r="E314" s="190"/>
      <c r="F314" s="191"/>
    </row>
    <row r="315" spans="1:6" x14ac:dyDescent="0.25">
      <c r="A315" s="26"/>
      <c r="B315" s="186" t="s">
        <v>101</v>
      </c>
      <c r="C315" s="187"/>
      <c r="D315" s="187"/>
      <c r="E315" s="187"/>
      <c r="F315" s="188"/>
    </row>
    <row r="316" spans="1:6" x14ac:dyDescent="0.25">
      <c r="A316" s="26"/>
      <c r="B316" s="186" t="s">
        <v>102</v>
      </c>
      <c r="C316" s="187"/>
      <c r="D316" s="187"/>
      <c r="E316" s="187"/>
      <c r="F316" s="188"/>
    </row>
    <row r="317" spans="1:6" x14ac:dyDescent="0.25">
      <c r="A317" s="26"/>
      <c r="B317" s="186" t="s">
        <v>103</v>
      </c>
      <c r="C317" s="187"/>
      <c r="D317" s="187"/>
      <c r="E317" s="187"/>
      <c r="F317" s="188"/>
    </row>
    <row r="318" spans="1:6" x14ac:dyDescent="0.25">
      <c r="A318" s="26"/>
      <c r="B318" s="186" t="s">
        <v>104</v>
      </c>
      <c r="C318" s="187"/>
      <c r="D318" s="187"/>
      <c r="E318" s="187"/>
      <c r="F318" s="188"/>
    </row>
    <row r="319" spans="1:6" x14ac:dyDescent="0.25">
      <c r="A319" s="26"/>
      <c r="B319" s="186" t="s">
        <v>105</v>
      </c>
      <c r="C319" s="187"/>
      <c r="D319" s="187"/>
      <c r="E319" s="187"/>
      <c r="F319" s="188"/>
    </row>
    <row r="320" spans="1:6" x14ac:dyDescent="0.25">
      <c r="A320" s="26"/>
      <c r="B320" s="186" t="s">
        <v>106</v>
      </c>
      <c r="C320" s="187"/>
      <c r="D320" s="187"/>
      <c r="E320" s="187"/>
      <c r="F320" s="188"/>
    </row>
    <row r="321" spans="1:9" x14ac:dyDescent="0.25">
      <c r="A321" s="26"/>
      <c r="B321" s="186" t="s">
        <v>107</v>
      </c>
      <c r="C321" s="187"/>
      <c r="D321" s="187"/>
      <c r="E321" s="187"/>
      <c r="F321" s="188"/>
    </row>
    <row r="322" spans="1:9" x14ac:dyDescent="0.25">
      <c r="A322" s="26"/>
      <c r="B322" s="186" t="s">
        <v>108</v>
      </c>
      <c r="C322" s="187"/>
      <c r="D322" s="187"/>
      <c r="E322" s="187"/>
      <c r="F322" s="188"/>
    </row>
    <row r="323" spans="1:9" x14ac:dyDescent="0.25">
      <c r="A323" s="26"/>
      <c r="B323" s="186" t="s">
        <v>109</v>
      </c>
      <c r="C323" s="187"/>
      <c r="D323" s="187"/>
      <c r="E323" s="187"/>
      <c r="F323" s="188"/>
    </row>
    <row r="324" spans="1:9" x14ac:dyDescent="0.25">
      <c r="A324" s="26"/>
      <c r="B324" s="186" t="s">
        <v>110</v>
      </c>
      <c r="C324" s="187"/>
      <c r="D324" s="187"/>
      <c r="E324" s="187"/>
      <c r="F324" s="188"/>
    </row>
    <row r="325" spans="1:9" x14ac:dyDescent="0.25">
      <c r="A325" s="26"/>
      <c r="B325" s="186" t="s">
        <v>111</v>
      </c>
      <c r="C325" s="187"/>
      <c r="D325" s="187"/>
      <c r="E325" s="187"/>
      <c r="F325" s="188"/>
    </row>
    <row r="326" spans="1:9" x14ac:dyDescent="0.25">
      <c r="A326" s="26"/>
      <c r="B326" s="186" t="s">
        <v>112</v>
      </c>
      <c r="C326" s="187"/>
      <c r="D326" s="187"/>
      <c r="E326" s="187"/>
      <c r="F326" s="188"/>
    </row>
    <row r="327" spans="1:9" x14ac:dyDescent="0.25">
      <c r="A327" s="26"/>
      <c r="B327" s="186" t="s">
        <v>113</v>
      </c>
      <c r="C327" s="187"/>
      <c r="D327" s="187"/>
      <c r="E327" s="187"/>
      <c r="F327" s="188"/>
    </row>
    <row r="328" spans="1:9" x14ac:dyDescent="0.25">
      <c r="A328" s="26"/>
      <c r="B328" s="186" t="s">
        <v>114</v>
      </c>
      <c r="C328" s="187"/>
      <c r="D328" s="187"/>
      <c r="E328" s="187"/>
      <c r="F328" s="188"/>
    </row>
    <row r="329" spans="1:9" x14ac:dyDescent="0.25">
      <c r="A329" s="26"/>
      <c r="B329" s="186" t="s">
        <v>115</v>
      </c>
      <c r="C329" s="187"/>
      <c r="D329" s="187"/>
      <c r="E329" s="187"/>
      <c r="F329" s="188"/>
    </row>
    <row r="330" spans="1:9" x14ac:dyDescent="0.25">
      <c r="A330" s="26"/>
      <c r="B330" s="186" t="s">
        <v>116</v>
      </c>
      <c r="C330" s="187"/>
      <c r="D330" s="187"/>
      <c r="E330" s="187"/>
      <c r="F330" s="188"/>
    </row>
    <row r="331" spans="1:9" x14ac:dyDescent="0.25">
      <c r="A331" s="26"/>
      <c r="B331" s="186" t="s">
        <v>117</v>
      </c>
      <c r="C331" s="187"/>
      <c r="D331" s="187"/>
      <c r="E331" s="187"/>
      <c r="F331" s="188"/>
    </row>
    <row r="332" spans="1:9" x14ac:dyDescent="0.25">
      <c r="A332" s="26"/>
      <c r="B332" s="186" t="s">
        <v>118</v>
      </c>
      <c r="C332" s="187"/>
      <c r="D332" s="187"/>
      <c r="E332" s="187"/>
      <c r="F332" s="188"/>
    </row>
    <row r="333" spans="1:9" x14ac:dyDescent="0.25">
      <c r="A333" s="26"/>
      <c r="B333" s="186" t="s">
        <v>119</v>
      </c>
      <c r="C333" s="187"/>
      <c r="D333" s="187"/>
      <c r="E333" s="187"/>
      <c r="F333" s="188"/>
    </row>
    <row r="334" spans="1:9" x14ac:dyDescent="0.25">
      <c r="A334" s="26"/>
      <c r="B334" s="186" t="s">
        <v>120</v>
      </c>
      <c r="C334" s="187"/>
      <c r="D334" s="187"/>
      <c r="E334" s="187"/>
      <c r="F334" s="188"/>
      <c r="I334" t="s">
        <v>890</v>
      </c>
    </row>
    <row r="335" spans="1:9" x14ac:dyDescent="0.25">
      <c r="A335" s="26"/>
      <c r="B335" s="186" t="s">
        <v>121</v>
      </c>
      <c r="C335" s="187"/>
      <c r="D335" s="187"/>
      <c r="E335" s="187"/>
      <c r="F335" s="188"/>
    </row>
    <row r="336" spans="1:9" x14ac:dyDescent="0.25">
      <c r="A336" s="26"/>
      <c r="B336" s="186" t="s">
        <v>122</v>
      </c>
      <c r="C336" s="187"/>
      <c r="D336" s="187"/>
      <c r="E336" s="187"/>
      <c r="F336" s="188"/>
    </row>
    <row r="337" spans="1:6" x14ac:dyDescent="0.25">
      <c r="A337" s="26"/>
      <c r="B337" s="186" t="s">
        <v>123</v>
      </c>
      <c r="C337" s="187"/>
      <c r="D337" s="187"/>
      <c r="E337" s="187"/>
      <c r="F337" s="188"/>
    </row>
    <row r="338" spans="1:6" x14ac:dyDescent="0.25">
      <c r="A338" s="26"/>
      <c r="B338" s="186" t="s">
        <v>124</v>
      </c>
      <c r="C338" s="187"/>
      <c r="D338" s="187"/>
      <c r="E338" s="187"/>
      <c r="F338" s="188"/>
    </row>
    <row r="339" spans="1:6" x14ac:dyDescent="0.25">
      <c r="A339" s="26"/>
      <c r="B339" s="186" t="s">
        <v>125</v>
      </c>
      <c r="C339" s="187"/>
      <c r="D339" s="187"/>
      <c r="E339" s="187"/>
      <c r="F339" s="188"/>
    </row>
    <row r="340" spans="1:6" x14ac:dyDescent="0.25">
      <c r="A340" s="26"/>
      <c r="B340" s="186" t="s">
        <v>126</v>
      </c>
      <c r="C340" s="187"/>
      <c r="D340" s="187"/>
      <c r="E340" s="187"/>
      <c r="F340" s="188"/>
    </row>
    <row r="341" spans="1:6" x14ac:dyDescent="0.25">
      <c r="A341" s="26"/>
      <c r="B341" s="186" t="s">
        <v>127</v>
      </c>
      <c r="C341" s="187"/>
      <c r="D341" s="187"/>
      <c r="E341" s="187"/>
      <c r="F341" s="188"/>
    </row>
    <row r="342" spans="1:6" x14ac:dyDescent="0.25">
      <c r="A342" s="26"/>
      <c r="B342" s="186" t="s">
        <v>94</v>
      </c>
      <c r="C342" s="187"/>
      <c r="D342" s="187"/>
      <c r="E342" s="187"/>
      <c r="F342" s="188"/>
    </row>
    <row r="343" spans="1:6" x14ac:dyDescent="0.25">
      <c r="A343" s="26"/>
      <c r="B343" s="186" t="s">
        <v>128</v>
      </c>
      <c r="C343" s="187"/>
      <c r="D343" s="187"/>
      <c r="E343" s="187"/>
      <c r="F343" s="188"/>
    </row>
    <row r="344" spans="1:6" x14ac:dyDescent="0.25">
      <c r="A344" s="26"/>
      <c r="B344" s="186" t="s">
        <v>129</v>
      </c>
      <c r="C344" s="187"/>
      <c r="D344" s="187"/>
      <c r="E344" s="187"/>
      <c r="F344" s="188"/>
    </row>
    <row r="345" spans="1:6" x14ac:dyDescent="0.25">
      <c r="A345" s="26"/>
      <c r="B345" s="186" t="s">
        <v>130</v>
      </c>
      <c r="C345" s="187"/>
      <c r="D345" s="187"/>
      <c r="E345" s="187"/>
      <c r="F345" s="188"/>
    </row>
    <row r="346" spans="1:6" x14ac:dyDescent="0.25">
      <c r="A346" s="26"/>
      <c r="B346" s="186" t="s">
        <v>131</v>
      </c>
      <c r="C346" s="187"/>
      <c r="D346" s="187"/>
      <c r="E346" s="187"/>
      <c r="F346" s="188"/>
    </row>
    <row r="347" spans="1:6" x14ac:dyDescent="0.25">
      <c r="A347" s="26"/>
      <c r="B347" s="186" t="s">
        <v>132</v>
      </c>
      <c r="C347" s="187"/>
      <c r="D347" s="187"/>
      <c r="E347" s="187"/>
      <c r="F347" s="188"/>
    </row>
    <row r="348" spans="1:6" x14ac:dyDescent="0.25">
      <c r="A348" s="26"/>
      <c r="B348" s="186" t="s">
        <v>133</v>
      </c>
      <c r="C348" s="187"/>
      <c r="D348" s="187"/>
      <c r="E348" s="187"/>
      <c r="F348" s="188"/>
    </row>
    <row r="349" spans="1:6" x14ac:dyDescent="0.25">
      <c r="A349" s="26"/>
      <c r="B349" s="186" t="s">
        <v>134</v>
      </c>
      <c r="C349" s="187"/>
      <c r="D349" s="187"/>
      <c r="E349" s="187"/>
      <c r="F349" s="188"/>
    </row>
    <row r="350" spans="1:6" x14ac:dyDescent="0.25">
      <c r="A350" s="26"/>
      <c r="B350" s="186" t="s">
        <v>135</v>
      </c>
      <c r="C350" s="187"/>
      <c r="D350" s="187"/>
      <c r="E350" s="187"/>
      <c r="F350" s="188"/>
    </row>
    <row r="351" spans="1:6" x14ac:dyDescent="0.25">
      <c r="A351" s="26"/>
      <c r="B351" s="186" t="s">
        <v>136</v>
      </c>
      <c r="C351" s="187"/>
      <c r="D351" s="187"/>
      <c r="E351" s="187"/>
      <c r="F351" s="188"/>
    </row>
    <row r="352" spans="1:6" x14ac:dyDescent="0.25">
      <c r="A352" s="26"/>
      <c r="B352" s="186" t="s">
        <v>137</v>
      </c>
      <c r="C352" s="187"/>
      <c r="D352" s="187"/>
      <c r="E352" s="187"/>
      <c r="F352" s="188"/>
    </row>
    <row r="353" spans="1:6" x14ac:dyDescent="0.25">
      <c r="A353" s="26"/>
      <c r="B353" s="186" t="s">
        <v>138</v>
      </c>
      <c r="C353" s="187"/>
      <c r="D353" s="187"/>
      <c r="E353" s="187"/>
      <c r="F353" s="188"/>
    </row>
    <row r="354" spans="1:6" x14ac:dyDescent="0.25">
      <c r="A354" s="26"/>
      <c r="B354" s="186" t="s">
        <v>139</v>
      </c>
      <c r="C354" s="187"/>
      <c r="D354" s="187"/>
      <c r="E354" s="187"/>
      <c r="F354" s="188"/>
    </row>
    <row r="355" spans="1:6" x14ac:dyDescent="0.25">
      <c r="A355" s="26"/>
      <c r="B355" s="186" t="s">
        <v>140</v>
      </c>
      <c r="C355" s="187"/>
      <c r="D355" s="187"/>
      <c r="E355" s="187"/>
      <c r="F355" s="188"/>
    </row>
    <row r="356" spans="1:6" x14ac:dyDescent="0.25">
      <c r="A356" s="26"/>
      <c r="B356" s="186" t="s">
        <v>141</v>
      </c>
      <c r="C356" s="187"/>
      <c r="D356" s="187"/>
      <c r="E356" s="187"/>
      <c r="F356" s="188"/>
    </row>
    <row r="357" spans="1:6" x14ac:dyDescent="0.25">
      <c r="A357" s="26"/>
      <c r="B357" s="186" t="s">
        <v>142</v>
      </c>
      <c r="C357" s="187"/>
      <c r="D357" s="187"/>
      <c r="E357" s="187"/>
      <c r="F357" s="188"/>
    </row>
    <row r="358" spans="1:6" x14ac:dyDescent="0.25">
      <c r="A358" s="26"/>
      <c r="B358" s="186" t="s">
        <v>143</v>
      </c>
      <c r="C358" s="187"/>
      <c r="D358" s="187"/>
      <c r="E358" s="187"/>
      <c r="F358" s="188"/>
    </row>
    <row r="359" spans="1:6" x14ac:dyDescent="0.25">
      <c r="A359" s="26"/>
      <c r="B359" s="186" t="s">
        <v>144</v>
      </c>
      <c r="C359" s="187"/>
      <c r="D359" s="187"/>
      <c r="E359" s="187"/>
      <c r="F359" s="188"/>
    </row>
    <row r="360" spans="1:6" ht="15.75" thickBot="1" x14ac:dyDescent="0.3">
      <c r="A360" s="27"/>
      <c r="B360" s="222" t="s">
        <v>145</v>
      </c>
      <c r="C360" s="223"/>
      <c r="D360" s="223"/>
      <c r="E360" s="223"/>
      <c r="F360" s="224"/>
    </row>
    <row r="403" ht="15" customHeight="1" x14ac:dyDescent="0.25"/>
  </sheetData>
  <sheetProtection password="F113" sheet="1" objects="1" scenarios="1"/>
  <customSheetViews>
    <customSheetView guid="{EC814CE1-0F1E-4212-A340-F06F8C30AE5D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55">
      <selection activeCell="I68" sqref="I68"/>
      <rowBreaks count="2" manualBreakCount="2">
        <brk id="46" max="16383" man="1"/>
        <brk id="64" max="16383" man="1"/>
      </rowBreaks>
      <pageMargins left="0.7" right="0.7" top="0.75" bottom="0.75" header="0.3" footer="0.3"/>
      <pageSetup paperSize="9" orientation="portrait" horizontalDpi="300" verticalDpi="300" r:id="rId2"/>
    </customSheetView>
  </customSheetViews>
  <mergeCells count="297">
    <mergeCell ref="B90:F90"/>
    <mergeCell ref="B91:F91"/>
    <mergeCell ref="B81:F81"/>
    <mergeCell ref="B82:F82"/>
    <mergeCell ref="B83:F83"/>
    <mergeCell ref="B84:F84"/>
    <mergeCell ref="B85:F85"/>
    <mergeCell ref="B24:F24"/>
    <mergeCell ref="B48:F48"/>
    <mergeCell ref="B44:F44"/>
    <mergeCell ref="B64:F64"/>
    <mergeCell ref="B66:F66"/>
    <mergeCell ref="B86:F86"/>
    <mergeCell ref="B87:F87"/>
    <mergeCell ref="B88:F88"/>
    <mergeCell ref="B89:F89"/>
    <mergeCell ref="A306:F306"/>
    <mergeCell ref="B307:F307"/>
    <mergeCell ref="B308:F308"/>
    <mergeCell ref="B309:F309"/>
    <mergeCell ref="B310:F310"/>
    <mergeCell ref="B311:F311"/>
    <mergeCell ref="A305:F305"/>
    <mergeCell ref="B203:F203"/>
    <mergeCell ref="A256:F256"/>
    <mergeCell ref="A257:F257"/>
    <mergeCell ref="B258:F258"/>
    <mergeCell ref="B259:F259"/>
    <mergeCell ref="B260:F260"/>
    <mergeCell ref="B261:F261"/>
    <mergeCell ref="B262:F262"/>
    <mergeCell ref="B263:F263"/>
    <mergeCell ref="B211:F211"/>
    <mergeCell ref="B212:F212"/>
    <mergeCell ref="B243:F243"/>
    <mergeCell ref="B244:F244"/>
    <mergeCell ref="B235:F235"/>
    <mergeCell ref="B236:F236"/>
    <mergeCell ref="B237:F237"/>
    <mergeCell ref="B238:F238"/>
    <mergeCell ref="A2:F2"/>
    <mergeCell ref="B4:F4"/>
    <mergeCell ref="B5:F5"/>
    <mergeCell ref="B6:F6"/>
    <mergeCell ref="B7:F7"/>
    <mergeCell ref="B8:F8"/>
    <mergeCell ref="B9:F9"/>
    <mergeCell ref="B55:F55"/>
    <mergeCell ref="B34:F34"/>
    <mergeCell ref="B38:F38"/>
    <mergeCell ref="B28:F28"/>
    <mergeCell ref="B33:F33"/>
    <mergeCell ref="B31:F31"/>
    <mergeCell ref="B51:F51"/>
    <mergeCell ref="B50:F50"/>
    <mergeCell ref="B54:F54"/>
    <mergeCell ref="A13:F13"/>
    <mergeCell ref="B16:F16"/>
    <mergeCell ref="A17:F17"/>
    <mergeCell ref="B19:F19"/>
    <mergeCell ref="B20:F20"/>
    <mergeCell ref="B21:F21"/>
    <mergeCell ref="B22:F22"/>
    <mergeCell ref="B23:F23"/>
    <mergeCell ref="B98:F98"/>
    <mergeCell ref="B99:F99"/>
    <mergeCell ref="B100:F100"/>
    <mergeCell ref="B101:F101"/>
    <mergeCell ref="B102:F102"/>
    <mergeCell ref="B103:F103"/>
    <mergeCell ref="B92:F92"/>
    <mergeCell ref="B93:F93"/>
    <mergeCell ref="B94:F94"/>
    <mergeCell ref="B95:F95"/>
    <mergeCell ref="B96:F96"/>
    <mergeCell ref="B97:F97"/>
    <mergeCell ref="B116:F116"/>
    <mergeCell ref="B110:F110"/>
    <mergeCell ref="B111:F111"/>
    <mergeCell ref="B112:F112"/>
    <mergeCell ref="B113:F113"/>
    <mergeCell ref="B114:F114"/>
    <mergeCell ref="B115:F115"/>
    <mergeCell ref="B104:F104"/>
    <mergeCell ref="B105:F105"/>
    <mergeCell ref="B106:F106"/>
    <mergeCell ref="B107:F107"/>
    <mergeCell ref="B108:F108"/>
    <mergeCell ref="B109:F109"/>
    <mergeCell ref="B314:F314"/>
    <mergeCell ref="A313:F313"/>
    <mergeCell ref="B179:F179"/>
    <mergeCell ref="B181:F181"/>
    <mergeCell ref="B204:F204"/>
    <mergeCell ref="B206:F206"/>
    <mergeCell ref="B207:F207"/>
    <mergeCell ref="B208:F208"/>
    <mergeCell ref="B188:F188"/>
    <mergeCell ref="B189:F189"/>
    <mergeCell ref="B190:F190"/>
    <mergeCell ref="B191:F191"/>
    <mergeCell ref="B192:F192"/>
    <mergeCell ref="B193:F193"/>
    <mergeCell ref="B209:F209"/>
    <mergeCell ref="B210:F210"/>
    <mergeCell ref="A194:F194"/>
    <mergeCell ref="A195:F195"/>
    <mergeCell ref="B196:F196"/>
    <mergeCell ref="B197:F197"/>
    <mergeCell ref="B198:F198"/>
    <mergeCell ref="B199:F199"/>
    <mergeCell ref="B200:F200"/>
    <mergeCell ref="B201:F201"/>
    <mergeCell ref="B315:F315"/>
    <mergeCell ref="B316:F316"/>
    <mergeCell ref="B317:F317"/>
    <mergeCell ref="B318:F318"/>
    <mergeCell ref="B319:F319"/>
    <mergeCell ref="B320:F320"/>
    <mergeCell ref="B321:F321"/>
    <mergeCell ref="B322:F322"/>
    <mergeCell ref="B323:F323"/>
    <mergeCell ref="B324:F324"/>
    <mergeCell ref="B325:F325"/>
    <mergeCell ref="B326:F326"/>
    <mergeCell ref="B327:F327"/>
    <mergeCell ref="B328:F328"/>
    <mergeCell ref="B329:F329"/>
    <mergeCell ref="B330:F330"/>
    <mergeCell ref="B331:F331"/>
    <mergeCell ref="B332:F332"/>
    <mergeCell ref="B333:F333"/>
    <mergeCell ref="B334:F334"/>
    <mergeCell ref="B335:F335"/>
    <mergeCell ref="B336:F336"/>
    <mergeCell ref="B337:F337"/>
    <mergeCell ref="B338:F338"/>
    <mergeCell ref="B339:F339"/>
    <mergeCell ref="B340:F340"/>
    <mergeCell ref="B341:F341"/>
    <mergeCell ref="B342:F342"/>
    <mergeCell ref="B343:F343"/>
    <mergeCell ref="B344:F344"/>
    <mergeCell ref="B345:F345"/>
    <mergeCell ref="B346:F346"/>
    <mergeCell ref="B347:F347"/>
    <mergeCell ref="B348:F348"/>
    <mergeCell ref="B349:F349"/>
    <mergeCell ref="B350:F350"/>
    <mergeCell ref="B351:F351"/>
    <mergeCell ref="B352:F352"/>
    <mergeCell ref="B353:F353"/>
    <mergeCell ref="B217:F217"/>
    <mergeCell ref="B354:F354"/>
    <mergeCell ref="B355:F355"/>
    <mergeCell ref="B356:F356"/>
    <mergeCell ref="B357:F357"/>
    <mergeCell ref="B358:F358"/>
    <mergeCell ref="B233:F233"/>
    <mergeCell ref="B234:F234"/>
    <mergeCell ref="B227:F227"/>
    <mergeCell ref="B228:F228"/>
    <mergeCell ref="B229:F229"/>
    <mergeCell ref="B230:F230"/>
    <mergeCell ref="B231:F231"/>
    <mergeCell ref="B232:F232"/>
    <mergeCell ref="B225:F225"/>
    <mergeCell ref="B247:F247"/>
    <mergeCell ref="B248:F248"/>
    <mergeCell ref="B239:F239"/>
    <mergeCell ref="B240:F240"/>
    <mergeCell ref="B241:F241"/>
    <mergeCell ref="B242:F242"/>
    <mergeCell ref="B359:F359"/>
    <mergeCell ref="B360:F360"/>
    <mergeCell ref="B218:F218"/>
    <mergeCell ref="B219:F219"/>
    <mergeCell ref="B220:F220"/>
    <mergeCell ref="B221:F221"/>
    <mergeCell ref="B222:F222"/>
    <mergeCell ref="B153:F153"/>
    <mergeCell ref="B213:F213"/>
    <mergeCell ref="B215:F215"/>
    <mergeCell ref="B216:F216"/>
    <mergeCell ref="B155:F155"/>
    <mergeCell ref="B156:F156"/>
    <mergeCell ref="B157:F157"/>
    <mergeCell ref="B158:F158"/>
    <mergeCell ref="B159:F159"/>
    <mergeCell ref="B182:F182"/>
    <mergeCell ref="B183:F183"/>
    <mergeCell ref="B184:F184"/>
    <mergeCell ref="B185:F185"/>
    <mergeCell ref="B186:F186"/>
    <mergeCell ref="B187:F187"/>
    <mergeCell ref="B223:F223"/>
    <mergeCell ref="B224:F224"/>
    <mergeCell ref="B140:F140"/>
    <mergeCell ref="B141:F141"/>
    <mergeCell ref="B131:F131"/>
    <mergeCell ref="B133:F133"/>
    <mergeCell ref="B134:F134"/>
    <mergeCell ref="B135:F135"/>
    <mergeCell ref="B173:F173"/>
    <mergeCell ref="B174:F174"/>
    <mergeCell ref="B175:F175"/>
    <mergeCell ref="B169:F169"/>
    <mergeCell ref="B170:F170"/>
    <mergeCell ref="B163:F163"/>
    <mergeCell ref="B164:F164"/>
    <mergeCell ref="B165:F165"/>
    <mergeCell ref="B166:F166"/>
    <mergeCell ref="B167:F167"/>
    <mergeCell ref="B168:F168"/>
    <mergeCell ref="A160:F160"/>
    <mergeCell ref="B148:F148"/>
    <mergeCell ref="B149:F149"/>
    <mergeCell ref="B150:F150"/>
    <mergeCell ref="B151:F151"/>
    <mergeCell ref="B152:F152"/>
    <mergeCell ref="B142:F142"/>
    <mergeCell ref="B176:F176"/>
    <mergeCell ref="B177:F177"/>
    <mergeCell ref="B178:F178"/>
    <mergeCell ref="B202:F202"/>
    <mergeCell ref="A275:F275"/>
    <mergeCell ref="A276:F276"/>
    <mergeCell ref="A226:F226"/>
    <mergeCell ref="B143:F143"/>
    <mergeCell ref="B144:F144"/>
    <mergeCell ref="B145:F145"/>
    <mergeCell ref="B146:F146"/>
    <mergeCell ref="B147:F147"/>
    <mergeCell ref="B249:F249"/>
    <mergeCell ref="B264:F264"/>
    <mergeCell ref="A265:F265"/>
    <mergeCell ref="B266:F266"/>
    <mergeCell ref="B277:F277"/>
    <mergeCell ref="B278:F278"/>
    <mergeCell ref="B279:F279"/>
    <mergeCell ref="B280:F280"/>
    <mergeCell ref="B281:F281"/>
    <mergeCell ref="B251:F251"/>
    <mergeCell ref="B252:F252"/>
    <mergeCell ref="B253:F253"/>
    <mergeCell ref="B254:F254"/>
    <mergeCell ref="B255:F255"/>
    <mergeCell ref="B270:F270"/>
    <mergeCell ref="B271:F271"/>
    <mergeCell ref="B272:F272"/>
    <mergeCell ref="B273:F273"/>
    <mergeCell ref="B274:F274"/>
    <mergeCell ref="B267:F267"/>
    <mergeCell ref="B268:F268"/>
    <mergeCell ref="B269:F269"/>
    <mergeCell ref="B282:F282"/>
    <mergeCell ref="B283:F283"/>
    <mergeCell ref="B284:F284"/>
    <mergeCell ref="B285:F285"/>
    <mergeCell ref="B286:F286"/>
    <mergeCell ref="B287:F287"/>
    <mergeCell ref="B288:F288"/>
    <mergeCell ref="B289:F289"/>
    <mergeCell ref="B290:F290"/>
    <mergeCell ref="B291:F291"/>
    <mergeCell ref="B292:F292"/>
    <mergeCell ref="B293:F293"/>
    <mergeCell ref="B294:F294"/>
    <mergeCell ref="B295:F295"/>
    <mergeCell ref="B296:F296"/>
    <mergeCell ref="B297:F297"/>
    <mergeCell ref="B298:F298"/>
    <mergeCell ref="B299:F299"/>
    <mergeCell ref="A132:F132"/>
    <mergeCell ref="A138:F138"/>
    <mergeCell ref="A139:F139"/>
    <mergeCell ref="A171:F171"/>
    <mergeCell ref="A172:F172"/>
    <mergeCell ref="A312:F312"/>
    <mergeCell ref="B53:F53"/>
    <mergeCell ref="B52:F52"/>
    <mergeCell ref="B57:F57"/>
    <mergeCell ref="B58:F58"/>
    <mergeCell ref="B59:F59"/>
    <mergeCell ref="B60:F60"/>
    <mergeCell ref="B61:F61"/>
    <mergeCell ref="B62:F62"/>
    <mergeCell ref="B63:F63"/>
    <mergeCell ref="B136:F136"/>
    <mergeCell ref="B137:F137"/>
    <mergeCell ref="B245:F245"/>
    <mergeCell ref="B246:F246"/>
    <mergeCell ref="B300:F300"/>
    <mergeCell ref="B301:F301"/>
    <mergeCell ref="B302:F302"/>
    <mergeCell ref="B303:F303"/>
    <mergeCell ref="B304:F304"/>
  </mergeCells>
  <pageMargins left="0.7" right="0.7" top="0.75" bottom="0.75" header="0.3" footer="0.3"/>
  <pageSetup paperSize="9" orientation="portrait" horizontalDpi="300" verticalDpi="300" r:id="rId3"/>
  <rowBreaks count="2" manualBreakCount="2">
    <brk id="46" max="16383" man="1"/>
    <brk id="64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U214"/>
  <sheetViews>
    <sheetView topLeftCell="A25" workbookViewId="0">
      <selection activeCell="K41" sqref="K41"/>
    </sheetView>
  </sheetViews>
  <sheetFormatPr defaultRowHeight="15" x14ac:dyDescent="0.25"/>
  <cols>
    <col min="2" max="3" width="7.28515625" customWidth="1"/>
  </cols>
  <sheetData>
    <row r="1" spans="2:9" ht="15.75" thickBot="1" x14ac:dyDescent="0.3"/>
    <row r="2" spans="2:9" ht="15.75" thickBot="1" x14ac:dyDescent="0.3">
      <c r="B2" s="180" t="s">
        <v>891</v>
      </c>
      <c r="C2" s="181"/>
      <c r="D2" s="181"/>
      <c r="E2" s="181"/>
      <c r="F2" s="181"/>
      <c r="G2" s="181"/>
      <c r="H2" s="181"/>
      <c r="I2" s="182"/>
    </row>
    <row r="3" spans="2:9" ht="15.75" thickBot="1" x14ac:dyDescent="0.3">
      <c r="B3" s="53" t="s">
        <v>793</v>
      </c>
      <c r="C3" s="54"/>
      <c r="D3" s="54"/>
      <c r="E3" s="54"/>
      <c r="F3" s="54"/>
      <c r="G3" s="54"/>
      <c r="H3" s="54"/>
      <c r="I3" s="40"/>
    </row>
    <row r="4" spans="2:9" x14ac:dyDescent="0.25">
      <c r="B4" s="25"/>
      <c r="C4" s="55" t="s">
        <v>792</v>
      </c>
      <c r="D4" s="56"/>
      <c r="E4" s="56"/>
      <c r="F4" s="56"/>
      <c r="G4" s="56"/>
      <c r="H4" s="56"/>
      <c r="I4" s="57"/>
    </row>
    <row r="5" spans="2:9" x14ac:dyDescent="0.25">
      <c r="B5" s="26"/>
      <c r="C5" s="58" t="s">
        <v>794</v>
      </c>
      <c r="D5" s="59"/>
      <c r="E5" s="59"/>
      <c r="F5" s="59"/>
      <c r="G5" s="59"/>
      <c r="H5" s="59"/>
      <c r="I5" s="60"/>
    </row>
    <row r="6" spans="2:9" x14ac:dyDescent="0.25">
      <c r="B6" s="26"/>
      <c r="C6" s="58" t="s">
        <v>795</v>
      </c>
      <c r="D6" s="59"/>
      <c r="E6" s="59"/>
      <c r="F6" s="59"/>
      <c r="G6" s="59"/>
      <c r="H6" s="59"/>
      <c r="I6" s="60"/>
    </row>
    <row r="7" spans="2:9" x14ac:dyDescent="0.25">
      <c r="B7" s="26"/>
      <c r="C7" s="58" t="s">
        <v>796</v>
      </c>
      <c r="D7" s="59"/>
      <c r="E7" s="59"/>
      <c r="F7" s="59"/>
      <c r="G7" s="59"/>
      <c r="H7" s="59"/>
      <c r="I7" s="60"/>
    </row>
    <row r="8" spans="2:9" x14ac:dyDescent="0.25">
      <c r="B8" s="26"/>
      <c r="C8" s="58" t="s">
        <v>797</v>
      </c>
      <c r="D8" s="59"/>
      <c r="E8" s="59"/>
      <c r="F8" s="59"/>
      <c r="G8" s="59"/>
      <c r="H8" s="59"/>
      <c r="I8" s="60"/>
    </row>
    <row r="9" spans="2:9" x14ac:dyDescent="0.25">
      <c r="B9" s="26"/>
      <c r="C9" s="58" t="s">
        <v>798</v>
      </c>
      <c r="D9" s="59"/>
      <c r="E9" s="59"/>
      <c r="F9" s="59"/>
      <c r="G9" s="59"/>
      <c r="H9" s="59"/>
      <c r="I9" s="60"/>
    </row>
    <row r="10" spans="2:9" x14ac:dyDescent="0.25">
      <c r="B10" s="26"/>
      <c r="C10" s="58" t="s">
        <v>799</v>
      </c>
      <c r="D10" s="59"/>
      <c r="E10" s="59"/>
      <c r="F10" s="59"/>
      <c r="G10" s="59"/>
      <c r="H10" s="59"/>
      <c r="I10" s="60"/>
    </row>
    <row r="11" spans="2:9" s="46" customFormat="1" ht="21" customHeight="1" x14ac:dyDescent="0.25">
      <c r="B11" s="26"/>
      <c r="C11" s="58" t="s">
        <v>800</v>
      </c>
      <c r="D11" s="59"/>
      <c r="E11" s="59"/>
      <c r="F11" s="59"/>
      <c r="G11" s="59"/>
      <c r="H11" s="59"/>
      <c r="I11" s="60"/>
    </row>
    <row r="12" spans="2:9" s="46" customFormat="1" ht="21" customHeight="1" x14ac:dyDescent="0.25">
      <c r="B12" s="26"/>
      <c r="C12" s="58" t="s">
        <v>801</v>
      </c>
      <c r="D12" s="59"/>
      <c r="E12" s="59"/>
      <c r="F12" s="59"/>
      <c r="G12" s="59"/>
      <c r="H12" s="59"/>
      <c r="I12" s="60"/>
    </row>
    <row r="13" spans="2:9" s="46" customFormat="1" ht="21" customHeight="1" x14ac:dyDescent="0.25">
      <c r="B13" s="26"/>
      <c r="C13" s="302" t="s">
        <v>802</v>
      </c>
      <c r="D13" s="303"/>
      <c r="E13" s="303"/>
      <c r="F13" s="303"/>
      <c r="G13" s="303"/>
      <c r="H13" s="303"/>
      <c r="I13" s="304"/>
    </row>
    <row r="14" spans="2:9" s="46" customFormat="1" ht="21" customHeight="1" x14ac:dyDescent="0.25">
      <c r="B14" s="26"/>
      <c r="C14" s="302" t="s">
        <v>803</v>
      </c>
      <c r="D14" s="303"/>
      <c r="E14" s="303"/>
      <c r="F14" s="303"/>
      <c r="G14" s="303"/>
      <c r="H14" s="303"/>
      <c r="I14" s="304"/>
    </row>
    <row r="15" spans="2:9" s="46" customFormat="1" ht="21" customHeight="1" x14ac:dyDescent="0.25">
      <c r="B15" s="26"/>
      <c r="C15" s="302" t="s">
        <v>804</v>
      </c>
      <c r="D15" s="303"/>
      <c r="E15" s="303"/>
      <c r="F15" s="303"/>
      <c r="G15" s="303"/>
      <c r="H15" s="303"/>
      <c r="I15" s="304"/>
    </row>
    <row r="16" spans="2:9" s="46" customFormat="1" ht="21" customHeight="1" x14ac:dyDescent="0.25">
      <c r="B16" s="26"/>
      <c r="C16" s="302" t="s">
        <v>805</v>
      </c>
      <c r="D16" s="303"/>
      <c r="E16" s="303"/>
      <c r="F16" s="303"/>
      <c r="G16" s="303"/>
      <c r="H16" s="303"/>
      <c r="I16" s="304"/>
    </row>
    <row r="17" spans="2:9" s="46" customFormat="1" ht="21" customHeight="1" x14ac:dyDescent="0.25">
      <c r="B17" s="26"/>
      <c r="C17" s="302" t="s">
        <v>806</v>
      </c>
      <c r="D17" s="303"/>
      <c r="E17" s="303"/>
      <c r="F17" s="303"/>
      <c r="G17" s="303"/>
      <c r="H17" s="303"/>
      <c r="I17" s="304"/>
    </row>
    <row r="18" spans="2:9" s="46" customFormat="1" ht="21" customHeight="1" x14ac:dyDescent="0.25">
      <c r="B18" s="26"/>
      <c r="C18" s="302" t="s">
        <v>807</v>
      </c>
      <c r="D18" s="303"/>
      <c r="E18" s="303"/>
      <c r="F18" s="303"/>
      <c r="G18" s="303"/>
      <c r="H18" s="303"/>
      <c r="I18" s="304"/>
    </row>
    <row r="19" spans="2:9" s="46" customFormat="1" ht="21" customHeight="1" thickBot="1" x14ac:dyDescent="0.3">
      <c r="B19" s="27"/>
      <c r="C19" s="305" t="s">
        <v>808</v>
      </c>
      <c r="D19" s="306"/>
      <c r="E19" s="306"/>
      <c r="F19" s="306"/>
      <c r="G19" s="306"/>
      <c r="H19" s="306"/>
      <c r="I19" s="307"/>
    </row>
    <row r="20" spans="2:9" s="46" customFormat="1" ht="21" customHeight="1" thickBot="1" x14ac:dyDescent="0.3">
      <c r="B20" s="180" t="s">
        <v>892</v>
      </c>
      <c r="C20" s="181"/>
      <c r="D20" s="181"/>
      <c r="E20" s="181"/>
      <c r="F20" s="181"/>
      <c r="G20" s="181"/>
      <c r="H20" s="181"/>
      <c r="I20" s="182"/>
    </row>
    <row r="21" spans="2:9" s="46" customFormat="1" ht="21" customHeight="1" thickBot="1" x14ac:dyDescent="0.3">
      <c r="B21" s="53" t="s">
        <v>893</v>
      </c>
      <c r="C21" s="54"/>
      <c r="D21" s="54"/>
      <c r="E21" s="54"/>
      <c r="F21" s="54"/>
      <c r="G21" s="54"/>
      <c r="H21" s="54"/>
      <c r="I21" s="40"/>
    </row>
    <row r="22" spans="2:9" s="46" customFormat="1" ht="21" customHeight="1" x14ac:dyDescent="0.25">
      <c r="B22" s="25"/>
      <c r="C22" s="55" t="s">
        <v>894</v>
      </c>
      <c r="D22" s="56"/>
      <c r="E22" s="56"/>
      <c r="F22" s="56"/>
      <c r="G22" s="56"/>
      <c r="H22" s="56"/>
      <c r="I22" s="57"/>
    </row>
    <row r="23" spans="2:9" s="46" customFormat="1" ht="21" customHeight="1" x14ac:dyDescent="0.25">
      <c r="B23" s="26"/>
      <c r="C23" s="58" t="s">
        <v>895</v>
      </c>
      <c r="D23" s="59"/>
      <c r="E23" s="59"/>
      <c r="F23" s="59"/>
      <c r="G23" s="59"/>
      <c r="H23" s="59"/>
      <c r="I23" s="60"/>
    </row>
    <row r="24" spans="2:9" s="46" customFormat="1" ht="21" customHeight="1" x14ac:dyDescent="0.25">
      <c r="B24" s="26"/>
      <c r="C24" s="58" t="s">
        <v>896</v>
      </c>
      <c r="D24" s="59"/>
      <c r="E24" s="59"/>
      <c r="F24" s="59"/>
      <c r="G24" s="59"/>
      <c r="H24" s="59"/>
      <c r="I24" s="60"/>
    </row>
    <row r="25" spans="2:9" s="46" customFormat="1" ht="21" customHeight="1" x14ac:dyDescent="0.25">
      <c r="B25" s="26"/>
      <c r="C25" s="58" t="s">
        <v>897</v>
      </c>
      <c r="D25" s="59"/>
      <c r="E25" s="59"/>
      <c r="F25" s="59"/>
      <c r="G25" s="59"/>
      <c r="H25" s="59"/>
      <c r="I25" s="60"/>
    </row>
    <row r="26" spans="2:9" s="46" customFormat="1" ht="21" customHeight="1" x14ac:dyDescent="0.25">
      <c r="B26" s="26"/>
      <c r="C26" s="58" t="s">
        <v>898</v>
      </c>
      <c r="D26" s="59"/>
      <c r="E26" s="59"/>
      <c r="F26" s="59"/>
      <c r="G26" s="59"/>
      <c r="H26" s="59"/>
      <c r="I26" s="60"/>
    </row>
    <row r="27" spans="2:9" x14ac:dyDescent="0.25">
      <c r="B27" s="26"/>
      <c r="C27" s="58" t="s">
        <v>899</v>
      </c>
      <c r="D27" s="59"/>
      <c r="E27" s="59"/>
      <c r="F27" s="59"/>
      <c r="G27" s="59"/>
      <c r="H27" s="59"/>
      <c r="I27" s="60"/>
    </row>
    <row r="28" spans="2:9" x14ac:dyDescent="0.25">
      <c r="B28" s="26"/>
      <c r="C28" s="58" t="s">
        <v>900</v>
      </c>
      <c r="D28" s="59"/>
      <c r="E28" s="59"/>
      <c r="F28" s="59"/>
      <c r="G28" s="59"/>
      <c r="H28" s="59"/>
      <c r="I28" s="60"/>
    </row>
    <row r="29" spans="2:9" x14ac:dyDescent="0.25">
      <c r="B29" s="26"/>
      <c r="C29" s="58" t="s">
        <v>901</v>
      </c>
      <c r="D29" s="59"/>
      <c r="E29" s="59"/>
      <c r="F29" s="59"/>
      <c r="G29" s="59"/>
      <c r="H29" s="59"/>
      <c r="I29" s="60"/>
    </row>
    <row r="30" spans="2:9" x14ac:dyDescent="0.25">
      <c r="B30" s="26"/>
      <c r="C30" s="58" t="s">
        <v>902</v>
      </c>
      <c r="D30" s="59"/>
      <c r="E30" s="59"/>
      <c r="F30" s="59"/>
      <c r="G30" s="59"/>
      <c r="H30" s="59"/>
      <c r="I30" s="60"/>
    </row>
    <row r="31" spans="2:9" ht="15.75" thickBot="1" x14ac:dyDescent="0.3">
      <c r="B31" s="26"/>
      <c r="C31" s="302" t="s">
        <v>903</v>
      </c>
      <c r="D31" s="303"/>
      <c r="E31" s="303"/>
      <c r="F31" s="303"/>
      <c r="G31" s="303"/>
      <c r="H31" s="303"/>
      <c r="I31" s="304"/>
    </row>
    <row r="32" spans="2:9" ht="15.75" thickBot="1" x14ac:dyDescent="0.3">
      <c r="B32" s="207" t="s">
        <v>761</v>
      </c>
      <c r="C32" s="208"/>
      <c r="D32" s="208"/>
      <c r="E32" s="208"/>
      <c r="F32" s="208"/>
      <c r="G32" s="208"/>
      <c r="H32" s="208"/>
      <c r="I32" s="209"/>
    </row>
    <row r="33" spans="2:21" ht="15.75" thickBot="1" x14ac:dyDescent="0.3">
      <c r="B33" s="216" t="s">
        <v>762</v>
      </c>
      <c r="C33" s="217"/>
      <c r="D33" s="217"/>
      <c r="E33" s="217"/>
      <c r="F33" s="217"/>
      <c r="G33" s="217"/>
      <c r="H33" s="217"/>
      <c r="I33" s="218"/>
    </row>
    <row r="34" spans="2:21" x14ac:dyDescent="0.25">
      <c r="B34" s="16"/>
      <c r="C34" s="189" t="s">
        <v>763</v>
      </c>
      <c r="D34" s="190"/>
      <c r="E34" s="190"/>
      <c r="F34" s="190"/>
      <c r="G34" s="190"/>
      <c r="H34" s="190"/>
      <c r="I34" s="191"/>
    </row>
    <row r="35" spans="2:21" x14ac:dyDescent="0.25">
      <c r="B35" s="45"/>
      <c r="C35" s="186" t="s">
        <v>764</v>
      </c>
      <c r="D35" s="187"/>
      <c r="E35" s="187"/>
      <c r="F35" s="187"/>
      <c r="G35" s="187"/>
      <c r="H35" s="187"/>
      <c r="I35" s="188"/>
    </row>
    <row r="36" spans="2:21" x14ac:dyDescent="0.25">
      <c r="B36" s="45"/>
      <c r="C36" s="186" t="s">
        <v>765</v>
      </c>
      <c r="D36" s="187"/>
      <c r="E36" s="187"/>
      <c r="F36" s="187"/>
      <c r="G36" s="187"/>
      <c r="H36" s="187"/>
      <c r="I36" s="188"/>
    </row>
    <row r="37" spans="2:21" ht="15.75" thickBot="1" x14ac:dyDescent="0.3">
      <c r="B37" s="39"/>
      <c r="C37" s="222" t="s">
        <v>766</v>
      </c>
      <c r="D37" s="223"/>
      <c r="E37" s="223"/>
      <c r="F37" s="223"/>
      <c r="G37" s="223"/>
      <c r="H37" s="223"/>
      <c r="I37" s="224"/>
    </row>
    <row r="38" spans="2:21" ht="15.75" thickBot="1" x14ac:dyDescent="0.3">
      <c r="B38" s="180" t="s">
        <v>776</v>
      </c>
      <c r="C38" s="181"/>
      <c r="D38" s="181"/>
      <c r="E38" s="181"/>
      <c r="F38" s="181"/>
      <c r="G38" s="181"/>
      <c r="H38" s="181"/>
      <c r="I38" s="182"/>
    </row>
    <row r="39" spans="2:21" ht="15.75" thickBot="1" x14ac:dyDescent="0.3">
      <c r="B39" s="216" t="s">
        <v>777</v>
      </c>
      <c r="C39" s="217"/>
      <c r="D39" s="217"/>
      <c r="E39" s="217"/>
      <c r="F39" s="217"/>
      <c r="G39" s="217"/>
      <c r="H39" s="217"/>
      <c r="I39" s="218"/>
    </row>
    <row r="40" spans="2:21" x14ac:dyDescent="0.25">
      <c r="B40" s="25"/>
      <c r="C40" s="199" t="s">
        <v>778</v>
      </c>
      <c r="D40" s="200"/>
      <c r="E40" s="200"/>
      <c r="F40" s="200"/>
      <c r="G40" s="200"/>
      <c r="H40" s="200"/>
      <c r="I40" s="201"/>
    </row>
    <row r="41" spans="2:21" x14ac:dyDescent="0.25">
      <c r="B41" s="26"/>
      <c r="C41" s="192" t="s">
        <v>779</v>
      </c>
      <c r="D41" s="193"/>
      <c r="E41" s="193"/>
      <c r="F41" s="193"/>
      <c r="G41" s="193"/>
      <c r="H41" s="193"/>
      <c r="I41" s="194"/>
    </row>
    <row r="42" spans="2:21" x14ac:dyDescent="0.25">
      <c r="B42" s="26"/>
      <c r="C42" s="192" t="s">
        <v>780</v>
      </c>
      <c r="D42" s="193"/>
      <c r="E42" s="193"/>
      <c r="F42" s="193"/>
      <c r="G42" s="193"/>
      <c r="H42" s="193"/>
      <c r="I42" s="194"/>
    </row>
    <row r="43" spans="2:21" x14ac:dyDescent="0.25">
      <c r="B43" s="26"/>
      <c r="C43" s="192" t="s">
        <v>781</v>
      </c>
      <c r="D43" s="193"/>
      <c r="E43" s="193"/>
      <c r="F43" s="193"/>
      <c r="G43" s="193"/>
      <c r="H43" s="193"/>
      <c r="I43" s="194"/>
    </row>
    <row r="44" spans="2:21" x14ac:dyDescent="0.25">
      <c r="B44" s="26"/>
      <c r="C44" s="192" t="s">
        <v>782</v>
      </c>
      <c r="D44" s="193"/>
      <c r="E44" s="193"/>
      <c r="F44" s="193"/>
      <c r="G44" s="193"/>
      <c r="H44" s="193"/>
      <c r="I44" s="194"/>
    </row>
    <row r="45" spans="2:21" ht="15.75" thickBot="1" x14ac:dyDescent="0.3">
      <c r="B45" s="27"/>
      <c r="C45" s="195" t="s">
        <v>783</v>
      </c>
      <c r="D45" s="196"/>
      <c r="E45" s="196"/>
      <c r="F45" s="196"/>
      <c r="G45" s="196"/>
      <c r="H45" s="196"/>
      <c r="I45" s="197"/>
    </row>
    <row r="46" spans="2:21" ht="15.75" thickBot="1" x14ac:dyDescent="0.3">
      <c r="B46" s="180" t="s">
        <v>909</v>
      </c>
      <c r="C46" s="181"/>
      <c r="D46" s="181"/>
      <c r="E46" s="181"/>
      <c r="F46" s="181"/>
      <c r="G46" s="181"/>
      <c r="H46" s="181"/>
      <c r="I46" s="182"/>
    </row>
    <row r="47" spans="2:21" ht="15.75" thickBot="1" x14ac:dyDescent="0.3">
      <c r="B47" s="216" t="s">
        <v>910</v>
      </c>
      <c r="C47" s="217"/>
      <c r="D47" s="217"/>
      <c r="E47" s="217"/>
      <c r="F47" s="217"/>
      <c r="G47" s="217"/>
      <c r="H47" s="217"/>
      <c r="I47" s="218"/>
    </row>
    <row r="48" spans="2:21" ht="15.75" thickBot="1" x14ac:dyDescent="0.3">
      <c r="B48" s="25"/>
      <c r="C48" s="199" t="s">
        <v>888</v>
      </c>
      <c r="D48" s="200"/>
      <c r="E48" s="200"/>
      <c r="F48" s="200"/>
      <c r="G48" s="200"/>
      <c r="H48" s="200"/>
      <c r="I48" s="201"/>
      <c r="N48" s="253" t="s">
        <v>1180</v>
      </c>
      <c r="O48" s="254"/>
      <c r="P48" s="254"/>
      <c r="Q48" s="254"/>
      <c r="R48" s="254"/>
      <c r="S48" s="254"/>
      <c r="T48" s="254"/>
      <c r="U48" s="255"/>
    </row>
    <row r="49" spans="2:21" ht="15.75" thickBot="1" x14ac:dyDescent="0.3">
      <c r="B49" s="180" t="s">
        <v>904</v>
      </c>
      <c r="C49" s="181"/>
      <c r="D49" s="181"/>
      <c r="E49" s="181"/>
      <c r="F49" s="181"/>
      <c r="G49" s="181"/>
      <c r="H49" s="181"/>
      <c r="I49" s="182"/>
      <c r="N49" s="256" t="s">
        <v>1201</v>
      </c>
      <c r="O49" s="257"/>
      <c r="P49" s="257"/>
      <c r="Q49" s="257"/>
      <c r="R49" s="257"/>
      <c r="S49" s="257"/>
      <c r="T49" s="257"/>
      <c r="U49" s="258"/>
    </row>
    <row r="50" spans="2:21" ht="15.75" thickBot="1" x14ac:dyDescent="0.3">
      <c r="B50" s="216" t="s">
        <v>905</v>
      </c>
      <c r="C50" s="217"/>
      <c r="D50" s="217"/>
      <c r="E50" s="217"/>
      <c r="F50" s="217"/>
      <c r="G50" s="217"/>
      <c r="H50" s="217"/>
      <c r="I50" s="218"/>
      <c r="N50" s="8"/>
      <c r="O50" s="189" t="s">
        <v>1181</v>
      </c>
      <c r="P50" s="190"/>
      <c r="Q50" s="190"/>
      <c r="R50" s="190"/>
      <c r="S50" s="190"/>
      <c r="T50" s="190"/>
      <c r="U50" s="191"/>
    </row>
    <row r="51" spans="2:21" ht="15.75" thickBot="1" x14ac:dyDescent="0.3">
      <c r="B51" s="25"/>
      <c r="C51" s="199" t="s">
        <v>906</v>
      </c>
      <c r="D51" s="200"/>
      <c r="E51" s="200"/>
      <c r="F51" s="200"/>
      <c r="G51" s="200"/>
      <c r="H51" s="200"/>
      <c r="I51" s="201"/>
      <c r="N51" s="70"/>
      <c r="O51" s="276" t="s">
        <v>1218</v>
      </c>
      <c r="P51" s="214"/>
      <c r="Q51" s="214"/>
      <c r="R51" s="214"/>
      <c r="S51" s="214"/>
      <c r="T51" s="214"/>
      <c r="U51" s="71"/>
    </row>
    <row r="52" spans="2:21" x14ac:dyDescent="0.25">
      <c r="B52" s="26"/>
      <c r="C52" s="192" t="s">
        <v>907</v>
      </c>
      <c r="D52" s="193"/>
      <c r="E52" s="193"/>
      <c r="F52" s="193"/>
      <c r="G52" s="193"/>
      <c r="H52" s="193"/>
      <c r="I52" s="194"/>
      <c r="N52" s="281"/>
      <c r="O52" s="277" t="s">
        <v>1220</v>
      </c>
      <c r="P52" s="278"/>
      <c r="Q52" s="278"/>
      <c r="R52" s="278"/>
      <c r="S52" s="278"/>
      <c r="T52" s="278"/>
      <c r="U52" s="278"/>
    </row>
    <row r="53" spans="2:21" ht="15.75" thickBot="1" x14ac:dyDescent="0.3">
      <c r="B53" s="26"/>
      <c r="C53" s="192" t="s">
        <v>908</v>
      </c>
      <c r="D53" s="193"/>
      <c r="E53" s="193"/>
      <c r="F53" s="193"/>
      <c r="G53" s="193"/>
      <c r="H53" s="193"/>
      <c r="I53" s="194"/>
      <c r="N53" s="282"/>
      <c r="O53" s="277"/>
      <c r="P53" s="278"/>
      <c r="Q53" s="278"/>
      <c r="R53" s="278"/>
      <c r="S53" s="278"/>
      <c r="T53" s="278"/>
      <c r="U53" s="278"/>
    </row>
    <row r="54" spans="2:21" ht="15.75" thickBot="1" x14ac:dyDescent="0.3">
      <c r="B54" s="207" t="s">
        <v>809</v>
      </c>
      <c r="C54" s="208"/>
      <c r="D54" s="208"/>
      <c r="E54" s="208"/>
      <c r="F54" s="208"/>
      <c r="G54" s="208"/>
      <c r="H54" s="208"/>
      <c r="I54" s="209"/>
      <c r="N54" s="282"/>
      <c r="O54" s="277"/>
      <c r="P54" s="278"/>
      <c r="Q54" s="278"/>
      <c r="R54" s="278"/>
      <c r="S54" s="278"/>
      <c r="T54" s="278"/>
      <c r="U54" s="278"/>
    </row>
    <row r="55" spans="2:21" ht="30" customHeight="1" thickBot="1" x14ac:dyDescent="0.3">
      <c r="B55" s="183" t="s">
        <v>810</v>
      </c>
      <c r="C55" s="184"/>
      <c r="D55" s="184"/>
      <c r="E55" s="184"/>
      <c r="F55" s="184"/>
      <c r="G55" s="184"/>
      <c r="H55" s="184"/>
      <c r="I55" s="185"/>
      <c r="N55" s="282"/>
      <c r="O55" s="277"/>
      <c r="P55" s="278"/>
      <c r="Q55" s="278"/>
      <c r="R55" s="278"/>
      <c r="S55" s="278"/>
      <c r="T55" s="278"/>
      <c r="U55" s="278"/>
    </row>
    <row r="56" spans="2:21" x14ac:dyDescent="0.25">
      <c r="B56" s="13"/>
      <c r="C56" s="299" t="s">
        <v>811</v>
      </c>
      <c r="D56" s="300"/>
      <c r="E56" s="300"/>
      <c r="F56" s="300"/>
      <c r="G56" s="300"/>
      <c r="H56" s="300"/>
      <c r="I56" s="301"/>
      <c r="N56" s="283"/>
      <c r="O56" s="277"/>
      <c r="P56" s="278"/>
      <c r="Q56" s="278"/>
      <c r="R56" s="278"/>
      <c r="S56" s="278"/>
      <c r="T56" s="278"/>
      <c r="U56" s="278"/>
    </row>
    <row r="57" spans="2:21" x14ac:dyDescent="0.25">
      <c r="B57" s="6"/>
      <c r="C57" s="287" t="s">
        <v>812</v>
      </c>
      <c r="D57" s="288"/>
      <c r="E57" s="288"/>
      <c r="F57" s="288"/>
      <c r="G57" s="288"/>
      <c r="H57" s="288"/>
      <c r="I57" s="289"/>
      <c r="N57" s="8"/>
      <c r="O57" s="279"/>
      <c r="P57" s="280"/>
      <c r="Q57" s="280"/>
      <c r="R57" s="280"/>
      <c r="S57" s="280"/>
      <c r="T57" s="280"/>
      <c r="U57" s="280"/>
    </row>
    <row r="58" spans="2:21" x14ac:dyDescent="0.25">
      <c r="B58" s="6"/>
      <c r="C58" s="287" t="s">
        <v>813</v>
      </c>
      <c r="D58" s="288"/>
      <c r="E58" s="288"/>
      <c r="F58" s="288"/>
      <c r="G58" s="288"/>
      <c r="H58" s="288"/>
      <c r="I58" s="289"/>
      <c r="N58" s="274"/>
      <c r="O58" s="268" t="s">
        <v>1221</v>
      </c>
      <c r="P58" s="269"/>
      <c r="Q58" s="269"/>
      <c r="R58" s="269"/>
      <c r="S58" s="269"/>
      <c r="T58" s="269"/>
      <c r="U58" s="270"/>
    </row>
    <row r="59" spans="2:21" ht="15.75" customHeight="1" x14ac:dyDescent="0.25">
      <c r="B59" s="6"/>
      <c r="C59" s="287" t="s">
        <v>814</v>
      </c>
      <c r="D59" s="288"/>
      <c r="E59" s="288"/>
      <c r="F59" s="288"/>
      <c r="G59" s="288"/>
      <c r="H59" s="288"/>
      <c r="I59" s="289"/>
      <c r="N59" s="275"/>
      <c r="O59" s="271"/>
      <c r="P59" s="272"/>
      <c r="Q59" s="272"/>
      <c r="R59" s="272"/>
      <c r="S59" s="272"/>
      <c r="T59" s="272"/>
      <c r="U59" s="273"/>
    </row>
    <row r="60" spans="2:21" ht="15" customHeight="1" x14ac:dyDescent="0.25">
      <c r="B60" s="6"/>
      <c r="C60" s="287" t="s">
        <v>815</v>
      </c>
      <c r="D60" s="288"/>
      <c r="E60" s="288"/>
      <c r="F60" s="288"/>
      <c r="G60" s="288"/>
      <c r="H60" s="288"/>
      <c r="I60" s="289"/>
      <c r="N60" s="8"/>
      <c r="O60" s="186"/>
      <c r="P60" s="187"/>
      <c r="Q60" s="187"/>
      <c r="R60" s="187"/>
      <c r="S60" s="187"/>
      <c r="T60" s="187"/>
      <c r="U60" s="188"/>
    </row>
    <row r="61" spans="2:21" ht="15" customHeight="1" x14ac:dyDescent="0.25">
      <c r="B61" s="6"/>
      <c r="C61" s="287" t="s">
        <v>816</v>
      </c>
      <c r="D61" s="288"/>
      <c r="E61" s="288"/>
      <c r="F61" s="288"/>
      <c r="G61" s="288"/>
      <c r="H61" s="288"/>
      <c r="I61" s="289"/>
      <c r="N61" s="8"/>
      <c r="O61" s="186"/>
      <c r="P61" s="187"/>
      <c r="Q61" s="187"/>
      <c r="R61" s="187"/>
      <c r="S61" s="187"/>
      <c r="T61" s="187"/>
      <c r="U61" s="188"/>
    </row>
    <row r="62" spans="2:21" ht="15" customHeight="1" x14ac:dyDescent="0.25">
      <c r="B62" s="6"/>
      <c r="C62" s="287" t="s">
        <v>817</v>
      </c>
      <c r="D62" s="288"/>
      <c r="E62" s="288"/>
      <c r="F62" s="288"/>
      <c r="G62" s="288"/>
      <c r="H62" s="288"/>
      <c r="I62" s="289"/>
      <c r="N62" s="8"/>
      <c r="O62" s="186"/>
      <c r="P62" s="187"/>
      <c r="Q62" s="187"/>
      <c r="R62" s="187"/>
      <c r="S62" s="187"/>
      <c r="T62" s="187"/>
      <c r="U62" s="1"/>
    </row>
    <row r="63" spans="2:21" ht="15" customHeight="1" x14ac:dyDescent="0.25">
      <c r="B63" s="6"/>
      <c r="C63" s="287" t="s">
        <v>818</v>
      </c>
      <c r="D63" s="288"/>
      <c r="E63" s="288"/>
      <c r="F63" s="288"/>
      <c r="G63" s="288"/>
      <c r="H63" s="288"/>
      <c r="I63" s="289"/>
      <c r="N63" s="8"/>
      <c r="O63" s="186" t="s">
        <v>1219</v>
      </c>
      <c r="P63" s="187"/>
      <c r="Q63" s="187"/>
      <c r="R63" s="187"/>
      <c r="S63" s="187"/>
      <c r="T63" s="187"/>
      <c r="U63" s="188"/>
    </row>
    <row r="64" spans="2:21" ht="15" customHeight="1" thickBot="1" x14ac:dyDescent="0.3">
      <c r="B64" s="7"/>
      <c r="C64" s="308" t="s">
        <v>819</v>
      </c>
      <c r="D64" s="309"/>
      <c r="E64" s="309"/>
      <c r="F64" s="309"/>
      <c r="G64" s="309"/>
      <c r="H64" s="309"/>
      <c r="I64" s="310"/>
      <c r="N64" s="45"/>
      <c r="O64" s="247" t="s">
        <v>1182</v>
      </c>
      <c r="P64" s="248"/>
      <c r="Q64" s="248"/>
      <c r="R64" s="248"/>
      <c r="S64" s="248"/>
      <c r="T64" s="248"/>
      <c r="U64" s="188"/>
    </row>
    <row r="65" spans="2:21" ht="15" customHeight="1" thickBot="1" x14ac:dyDescent="0.3">
      <c r="B65" s="207" t="s">
        <v>911</v>
      </c>
      <c r="C65" s="208"/>
      <c r="D65" s="208"/>
      <c r="E65" s="208"/>
      <c r="F65" s="208"/>
      <c r="G65" s="208"/>
      <c r="H65" s="208"/>
      <c r="I65" s="209"/>
      <c r="N65" s="6"/>
      <c r="O65" s="186" t="s">
        <v>1183</v>
      </c>
      <c r="P65" s="187"/>
      <c r="Q65" s="187"/>
      <c r="R65" s="187"/>
      <c r="S65" s="187"/>
      <c r="T65" s="188"/>
      <c r="U65" s="2"/>
    </row>
    <row r="66" spans="2:21" ht="15" customHeight="1" thickBot="1" x14ac:dyDescent="0.3">
      <c r="B66" s="183" t="s">
        <v>1021</v>
      </c>
      <c r="C66" s="184"/>
      <c r="D66" s="184"/>
      <c r="E66" s="184"/>
      <c r="F66" s="184"/>
      <c r="G66" s="184"/>
      <c r="H66" s="184"/>
      <c r="I66" s="185"/>
      <c r="N66" s="6"/>
      <c r="O66" s="262" t="s">
        <v>1184</v>
      </c>
      <c r="P66" s="263"/>
      <c r="Q66" s="263"/>
      <c r="R66" s="263"/>
      <c r="S66" s="263"/>
      <c r="T66" s="264"/>
      <c r="U66" s="69"/>
    </row>
    <row r="67" spans="2:21" ht="15" customHeight="1" x14ac:dyDescent="0.25">
      <c r="B67" s="13"/>
      <c r="C67" s="299" t="s">
        <v>912</v>
      </c>
      <c r="D67" s="300"/>
      <c r="E67" s="300"/>
      <c r="F67" s="300"/>
      <c r="G67" s="300"/>
      <c r="H67" s="300"/>
      <c r="I67" s="301"/>
      <c r="N67" s="8"/>
      <c r="O67" s="259" t="s">
        <v>1185</v>
      </c>
      <c r="P67" s="260"/>
      <c r="Q67" s="260"/>
      <c r="R67" s="260"/>
      <c r="S67" s="260"/>
      <c r="T67" s="260"/>
      <c r="U67" s="261"/>
    </row>
    <row r="68" spans="2:21" ht="15" customHeight="1" x14ac:dyDescent="0.25">
      <c r="B68" s="6"/>
      <c r="C68" s="287" t="s">
        <v>913</v>
      </c>
      <c r="D68" s="288"/>
      <c r="E68" s="288"/>
      <c r="F68" s="288"/>
      <c r="G68" s="288"/>
      <c r="H68" s="288"/>
      <c r="I68" s="289"/>
      <c r="N68" s="8"/>
      <c r="O68" s="259" t="s">
        <v>1186</v>
      </c>
      <c r="P68" s="260"/>
      <c r="Q68" s="260"/>
      <c r="R68" s="260"/>
      <c r="S68" s="260"/>
      <c r="T68" s="260"/>
      <c r="U68" s="261"/>
    </row>
    <row r="69" spans="2:21" ht="15" customHeight="1" x14ac:dyDescent="0.25">
      <c r="B69" s="6"/>
      <c r="C69" s="287" t="s">
        <v>914</v>
      </c>
      <c r="D69" s="288"/>
      <c r="E69" s="288"/>
      <c r="F69" s="288"/>
      <c r="G69" s="288"/>
      <c r="H69" s="288"/>
      <c r="I69" s="289"/>
      <c r="N69" s="8"/>
      <c r="O69" s="259" t="s">
        <v>1187</v>
      </c>
      <c r="P69" s="260"/>
      <c r="Q69" s="260"/>
      <c r="R69" s="260"/>
      <c r="S69" s="260"/>
      <c r="T69" s="260"/>
      <c r="U69" s="261"/>
    </row>
    <row r="70" spans="2:21" ht="15" customHeight="1" x14ac:dyDescent="0.25">
      <c r="B70" s="6"/>
      <c r="C70" s="287" t="s">
        <v>915</v>
      </c>
      <c r="D70" s="288"/>
      <c r="E70" s="288"/>
      <c r="F70" s="288"/>
      <c r="G70" s="288"/>
      <c r="H70" s="288"/>
      <c r="I70" s="289"/>
      <c r="N70" s="8"/>
      <c r="O70" s="259" t="s">
        <v>1188</v>
      </c>
      <c r="P70" s="260"/>
      <c r="Q70" s="260"/>
      <c r="R70" s="260"/>
      <c r="S70" s="260"/>
      <c r="T70" s="260"/>
      <c r="U70" s="261"/>
    </row>
    <row r="71" spans="2:21" ht="15" customHeight="1" x14ac:dyDescent="0.25">
      <c r="B71" s="6"/>
      <c r="C71" s="287" t="s">
        <v>916</v>
      </c>
      <c r="D71" s="288"/>
      <c r="E71" s="288"/>
      <c r="F71" s="288"/>
      <c r="G71" s="288"/>
      <c r="H71" s="288"/>
      <c r="I71" s="289"/>
      <c r="N71" s="8"/>
      <c r="O71" s="259" t="s">
        <v>1189</v>
      </c>
      <c r="P71" s="260"/>
      <c r="Q71" s="260"/>
      <c r="R71" s="260"/>
      <c r="S71" s="260"/>
      <c r="T71" s="260"/>
      <c r="U71" s="261"/>
    </row>
    <row r="72" spans="2:21" ht="15" customHeight="1" x14ac:dyDescent="0.25">
      <c r="B72" s="6"/>
      <c r="C72" s="287" t="s">
        <v>917</v>
      </c>
      <c r="D72" s="288"/>
      <c r="E72" s="288"/>
      <c r="F72" s="288"/>
      <c r="G72" s="288"/>
      <c r="H72" s="288"/>
      <c r="I72" s="289"/>
      <c r="N72" s="8"/>
      <c r="O72" s="259" t="s">
        <v>1190</v>
      </c>
      <c r="P72" s="260"/>
      <c r="Q72" s="260"/>
      <c r="R72" s="260"/>
      <c r="S72" s="260"/>
      <c r="T72" s="260"/>
      <c r="U72" s="261"/>
    </row>
    <row r="73" spans="2:21" ht="15" customHeight="1" x14ac:dyDescent="0.25">
      <c r="B73" s="6"/>
      <c r="C73" s="290" t="s">
        <v>918</v>
      </c>
      <c r="D73" s="291"/>
      <c r="E73" s="291"/>
      <c r="F73" s="291"/>
      <c r="G73" s="291"/>
      <c r="H73" s="291"/>
      <c r="I73" s="292"/>
      <c r="N73" s="8"/>
      <c r="O73" s="259" t="s">
        <v>1191</v>
      </c>
      <c r="P73" s="260"/>
      <c r="Q73" s="260"/>
      <c r="R73" s="260"/>
      <c r="S73" s="260"/>
      <c r="T73" s="260"/>
      <c r="U73" s="261"/>
    </row>
    <row r="74" spans="2:21" ht="15" customHeight="1" x14ac:dyDescent="0.25">
      <c r="B74" s="6"/>
      <c r="C74" s="287" t="s">
        <v>919</v>
      </c>
      <c r="D74" s="288"/>
      <c r="E74" s="288"/>
      <c r="F74" s="288"/>
      <c r="G74" s="288"/>
      <c r="H74" s="288"/>
      <c r="I74" s="289"/>
      <c r="N74" s="6"/>
      <c r="O74" s="259" t="s">
        <v>1192</v>
      </c>
      <c r="P74" s="260"/>
      <c r="Q74" s="260"/>
      <c r="R74" s="260"/>
      <c r="S74" s="260"/>
      <c r="T74" s="260"/>
      <c r="U74" s="261"/>
    </row>
    <row r="75" spans="2:21" ht="15" customHeight="1" thickBot="1" x14ac:dyDescent="0.3">
      <c r="B75" s="7"/>
      <c r="C75" s="308" t="s">
        <v>920</v>
      </c>
      <c r="D75" s="309"/>
      <c r="E75" s="309"/>
      <c r="F75" s="309"/>
      <c r="G75" s="309"/>
      <c r="H75" s="309"/>
      <c r="I75" s="310"/>
      <c r="N75" s="8"/>
      <c r="O75" s="265" t="s">
        <v>1193</v>
      </c>
      <c r="P75" s="266"/>
      <c r="Q75" s="266"/>
      <c r="R75" s="266"/>
      <c r="S75" s="266"/>
      <c r="T75" s="266"/>
      <c r="U75" s="267"/>
    </row>
    <row r="76" spans="2:21" ht="15" customHeight="1" x14ac:dyDescent="0.25">
      <c r="B76" s="13"/>
      <c r="C76" s="299" t="s">
        <v>921</v>
      </c>
      <c r="D76" s="300"/>
      <c r="E76" s="300"/>
      <c r="F76" s="300"/>
      <c r="G76" s="300"/>
      <c r="H76" s="300"/>
      <c r="I76" s="301"/>
      <c r="N76" s="8"/>
      <c r="O76" s="186" t="s">
        <v>1194</v>
      </c>
      <c r="P76" s="187"/>
      <c r="Q76" s="187"/>
      <c r="R76" s="187"/>
      <c r="S76" s="187"/>
      <c r="T76" s="187"/>
      <c r="U76" s="188"/>
    </row>
    <row r="77" spans="2:21" ht="15" customHeight="1" x14ac:dyDescent="0.25">
      <c r="B77" s="6"/>
      <c r="C77" s="287" t="s">
        <v>922</v>
      </c>
      <c r="D77" s="288"/>
      <c r="E77" s="288"/>
      <c r="F77" s="288"/>
      <c r="G77" s="288"/>
      <c r="H77" s="288"/>
      <c r="I77" s="289"/>
      <c r="N77" s="8"/>
      <c r="O77" s="186" t="s">
        <v>1195</v>
      </c>
      <c r="P77" s="187"/>
      <c r="Q77" s="187"/>
      <c r="R77" s="187"/>
      <c r="S77" s="187"/>
      <c r="T77" s="187"/>
      <c r="U77" s="188"/>
    </row>
    <row r="78" spans="2:21" ht="15" customHeight="1" x14ac:dyDescent="0.25">
      <c r="B78" s="6"/>
      <c r="C78" s="287" t="s">
        <v>923</v>
      </c>
      <c r="D78" s="288"/>
      <c r="E78" s="288"/>
      <c r="F78" s="288"/>
      <c r="G78" s="288"/>
      <c r="H78" s="288"/>
      <c r="I78" s="289"/>
      <c r="N78" s="8"/>
      <c r="O78" s="186" t="s">
        <v>1196</v>
      </c>
      <c r="P78" s="187"/>
      <c r="Q78" s="187"/>
      <c r="R78" s="187"/>
      <c r="S78" s="187"/>
      <c r="T78" s="187"/>
      <c r="U78" s="188"/>
    </row>
    <row r="79" spans="2:21" ht="15" customHeight="1" x14ac:dyDescent="0.25">
      <c r="B79" s="6"/>
      <c r="C79" s="287" t="s">
        <v>924</v>
      </c>
      <c r="D79" s="288"/>
      <c r="E79" s="288"/>
      <c r="F79" s="288"/>
      <c r="G79" s="288"/>
      <c r="H79" s="288"/>
      <c r="I79" s="289"/>
      <c r="N79" s="8"/>
      <c r="O79" s="186" t="s">
        <v>1197</v>
      </c>
      <c r="P79" s="187"/>
      <c r="Q79" s="187"/>
      <c r="R79" s="187"/>
      <c r="S79" s="187"/>
      <c r="T79" s="187"/>
      <c r="U79" s="188"/>
    </row>
    <row r="80" spans="2:21" ht="15" customHeight="1" x14ac:dyDescent="0.25">
      <c r="B80" s="26"/>
      <c r="C80" s="284" t="s">
        <v>944</v>
      </c>
      <c r="D80" s="285"/>
      <c r="E80" s="285"/>
      <c r="F80" s="285"/>
      <c r="G80" s="285"/>
      <c r="H80" s="285"/>
      <c r="I80" s="286"/>
      <c r="N80" s="8"/>
      <c r="O80" s="186" t="s">
        <v>1198</v>
      </c>
      <c r="P80" s="187"/>
      <c r="Q80" s="187"/>
      <c r="R80" s="187"/>
      <c r="S80" s="187"/>
      <c r="T80" s="187"/>
      <c r="U80" s="188"/>
    </row>
    <row r="81" spans="2:21" ht="15" customHeight="1" x14ac:dyDescent="0.25">
      <c r="B81" s="26"/>
      <c r="C81" s="284" t="s">
        <v>945</v>
      </c>
      <c r="D81" s="285"/>
      <c r="E81" s="285"/>
      <c r="F81" s="285"/>
      <c r="G81" s="285"/>
      <c r="H81" s="285"/>
      <c r="I81" s="286"/>
      <c r="N81" s="8"/>
      <c r="O81" s="186" t="s">
        <v>1199</v>
      </c>
      <c r="P81" s="187"/>
      <c r="Q81" s="187"/>
      <c r="R81" s="187"/>
      <c r="S81" s="187"/>
      <c r="T81" s="187"/>
      <c r="U81" s="188"/>
    </row>
    <row r="82" spans="2:21" ht="15.75" customHeight="1" thickBot="1" x14ac:dyDescent="0.3">
      <c r="B82" s="26"/>
      <c r="C82" s="284" t="s">
        <v>946</v>
      </c>
      <c r="D82" s="285"/>
      <c r="E82" s="285"/>
      <c r="F82" s="285"/>
      <c r="G82" s="285"/>
      <c r="H82" s="285"/>
      <c r="I82" s="286"/>
      <c r="N82" s="39"/>
      <c r="O82" s="222" t="s">
        <v>1200</v>
      </c>
      <c r="P82" s="223"/>
      <c r="Q82" s="223"/>
      <c r="R82" s="223"/>
      <c r="S82" s="223"/>
      <c r="T82" s="223"/>
      <c r="U82" s="224"/>
    </row>
    <row r="83" spans="2:21" ht="15.75" customHeight="1" x14ac:dyDescent="0.25">
      <c r="B83" s="26"/>
      <c r="C83" s="284" t="s">
        <v>947</v>
      </c>
      <c r="D83" s="285"/>
      <c r="E83" s="285"/>
      <c r="F83" s="285"/>
      <c r="G83" s="285"/>
      <c r="H83" s="285"/>
      <c r="I83" s="286"/>
    </row>
    <row r="84" spans="2:21" ht="15.75" customHeight="1" x14ac:dyDescent="0.25">
      <c r="B84" s="26"/>
      <c r="C84" s="284" t="s">
        <v>948</v>
      </c>
      <c r="D84" s="285"/>
      <c r="E84" s="285"/>
      <c r="F84" s="285"/>
      <c r="G84" s="285"/>
      <c r="H84" s="285"/>
      <c r="I84" s="286"/>
    </row>
    <row r="85" spans="2:21" ht="15" customHeight="1" x14ac:dyDescent="0.25">
      <c r="B85" s="26"/>
      <c r="C85" s="284" t="s">
        <v>949</v>
      </c>
      <c r="D85" s="285"/>
      <c r="E85" s="285"/>
      <c r="F85" s="285"/>
      <c r="G85" s="285"/>
      <c r="H85" s="285"/>
      <c r="I85" s="286"/>
    </row>
    <row r="86" spans="2:21" ht="15" customHeight="1" x14ac:dyDescent="0.25">
      <c r="B86" s="48"/>
      <c r="C86" s="284" t="s">
        <v>950</v>
      </c>
      <c r="D86" s="285"/>
      <c r="E86" s="285"/>
      <c r="F86" s="285"/>
      <c r="G86" s="285"/>
      <c r="H86" s="285"/>
      <c r="I86" s="286"/>
    </row>
    <row r="87" spans="2:21" ht="15" customHeight="1" x14ac:dyDescent="0.25">
      <c r="B87" s="26"/>
      <c r="C87" s="284" t="s">
        <v>951</v>
      </c>
      <c r="D87" s="285"/>
      <c r="E87" s="285"/>
      <c r="F87" s="285"/>
      <c r="G87" s="285"/>
      <c r="H87" s="285"/>
      <c r="I87" s="286"/>
    </row>
    <row r="88" spans="2:21" ht="15" customHeight="1" x14ac:dyDescent="0.25">
      <c r="B88" s="26"/>
      <c r="C88" s="284" t="s">
        <v>952</v>
      </c>
      <c r="D88" s="285"/>
      <c r="E88" s="285"/>
      <c r="F88" s="285"/>
      <c r="G88" s="285"/>
      <c r="H88" s="285"/>
      <c r="I88" s="286"/>
    </row>
    <row r="89" spans="2:21" ht="15" customHeight="1" x14ac:dyDescent="0.25">
      <c r="B89" s="26"/>
      <c r="C89" s="284" t="s">
        <v>953</v>
      </c>
      <c r="D89" s="285"/>
      <c r="E89" s="285"/>
      <c r="F89" s="285"/>
      <c r="G89" s="285"/>
      <c r="H89" s="285"/>
      <c r="I89" s="286"/>
    </row>
    <row r="90" spans="2:21" ht="15" customHeight="1" x14ac:dyDescent="0.25">
      <c r="B90" s="26"/>
      <c r="C90" s="284" t="s">
        <v>954</v>
      </c>
      <c r="D90" s="285"/>
      <c r="E90" s="285"/>
      <c r="F90" s="285"/>
      <c r="G90" s="285"/>
      <c r="H90" s="285"/>
      <c r="I90" s="286"/>
    </row>
    <row r="91" spans="2:21" ht="15" customHeight="1" x14ac:dyDescent="0.25">
      <c r="B91" s="26"/>
      <c r="C91" s="284" t="s">
        <v>955</v>
      </c>
      <c r="D91" s="285"/>
      <c r="E91" s="285"/>
      <c r="F91" s="285"/>
      <c r="G91" s="285"/>
      <c r="H91" s="285"/>
      <c r="I91" s="286"/>
    </row>
    <row r="92" spans="2:21" ht="15" customHeight="1" thickBot="1" x14ac:dyDescent="0.3">
      <c r="B92" s="26"/>
      <c r="C92" s="284" t="s">
        <v>956</v>
      </c>
      <c r="D92" s="285"/>
      <c r="E92" s="285"/>
      <c r="F92" s="285"/>
      <c r="G92" s="285"/>
      <c r="H92" s="285"/>
      <c r="I92" s="286"/>
    </row>
    <row r="93" spans="2:21" ht="15.75" thickBot="1" x14ac:dyDescent="0.3">
      <c r="B93" s="207" t="s">
        <v>925</v>
      </c>
      <c r="C93" s="208"/>
      <c r="D93" s="208"/>
      <c r="E93" s="208"/>
      <c r="F93" s="208"/>
      <c r="G93" s="208"/>
      <c r="H93" s="208"/>
      <c r="I93" s="209"/>
    </row>
    <row r="94" spans="2:21" ht="15.75" thickBot="1" x14ac:dyDescent="0.3">
      <c r="B94" s="183" t="s">
        <v>926</v>
      </c>
      <c r="C94" s="184"/>
      <c r="D94" s="184"/>
      <c r="E94" s="184"/>
      <c r="F94" s="184"/>
      <c r="G94" s="184"/>
      <c r="H94" s="184"/>
      <c r="I94" s="185"/>
    </row>
    <row r="95" spans="2:21" x14ac:dyDescent="0.25">
      <c r="B95" s="13"/>
      <c r="C95" s="299" t="s">
        <v>927</v>
      </c>
      <c r="D95" s="300"/>
      <c r="E95" s="300"/>
      <c r="F95" s="300"/>
      <c r="G95" s="300"/>
      <c r="H95" s="300"/>
      <c r="I95" s="301"/>
    </row>
    <row r="96" spans="2:21" x14ac:dyDescent="0.25">
      <c r="B96" s="6"/>
      <c r="C96" s="287" t="s">
        <v>928</v>
      </c>
      <c r="D96" s="288"/>
      <c r="E96" s="288"/>
      <c r="F96" s="288"/>
      <c r="G96" s="288"/>
      <c r="H96" s="288"/>
      <c r="I96" s="289"/>
    </row>
    <row r="97" spans="2:9" x14ac:dyDescent="0.25">
      <c r="B97" s="6"/>
      <c r="C97" s="287" t="s">
        <v>929</v>
      </c>
      <c r="D97" s="288"/>
      <c r="E97" s="288"/>
      <c r="F97" s="288"/>
      <c r="G97" s="288"/>
      <c r="H97" s="288"/>
      <c r="I97" s="289"/>
    </row>
    <row r="98" spans="2:9" x14ac:dyDescent="0.25">
      <c r="B98" s="6"/>
      <c r="C98" s="287" t="s">
        <v>930</v>
      </c>
      <c r="D98" s="288"/>
      <c r="E98" s="288"/>
      <c r="F98" s="288"/>
      <c r="G98" s="288"/>
      <c r="H98" s="288"/>
      <c r="I98" s="289"/>
    </row>
    <row r="99" spans="2:9" x14ac:dyDescent="0.25">
      <c r="B99" s="6"/>
      <c r="C99" s="287" t="s">
        <v>931</v>
      </c>
      <c r="D99" s="288"/>
      <c r="E99" s="288"/>
      <c r="F99" s="288"/>
      <c r="G99" s="288"/>
      <c r="H99" s="288"/>
      <c r="I99" s="289"/>
    </row>
    <row r="100" spans="2:9" x14ac:dyDescent="0.25">
      <c r="B100" s="6"/>
      <c r="C100" s="287" t="s">
        <v>932</v>
      </c>
      <c r="D100" s="288"/>
      <c r="E100" s="288"/>
      <c r="F100" s="288"/>
      <c r="G100" s="288"/>
      <c r="H100" s="288"/>
      <c r="I100" s="289"/>
    </row>
    <row r="101" spans="2:9" x14ac:dyDescent="0.25">
      <c r="B101" s="6"/>
      <c r="C101" s="290" t="s">
        <v>933</v>
      </c>
      <c r="D101" s="291"/>
      <c r="E101" s="291"/>
      <c r="F101" s="291"/>
      <c r="G101" s="291"/>
      <c r="H101" s="291"/>
      <c r="I101" s="292"/>
    </row>
    <row r="102" spans="2:9" x14ac:dyDescent="0.25">
      <c r="B102" s="6"/>
      <c r="C102" s="287" t="s">
        <v>934</v>
      </c>
      <c r="D102" s="288"/>
      <c r="E102" s="288"/>
      <c r="F102" s="288"/>
      <c r="G102" s="288"/>
      <c r="H102" s="288"/>
      <c r="I102" s="289"/>
    </row>
    <row r="103" spans="2:9" ht="15.75" thickBot="1" x14ac:dyDescent="0.3">
      <c r="B103" s="6"/>
      <c r="C103" s="287" t="s">
        <v>935</v>
      </c>
      <c r="D103" s="288"/>
      <c r="E103" s="288"/>
      <c r="F103" s="288"/>
      <c r="G103" s="288"/>
      <c r="H103" s="288"/>
      <c r="I103" s="289"/>
    </row>
    <row r="104" spans="2:9" ht="15.75" thickBot="1" x14ac:dyDescent="0.3">
      <c r="B104" s="207" t="s">
        <v>936</v>
      </c>
      <c r="C104" s="208"/>
      <c r="D104" s="208"/>
      <c r="E104" s="208"/>
      <c r="F104" s="208"/>
      <c r="G104" s="208"/>
      <c r="H104" s="208"/>
      <c r="I104" s="209"/>
    </row>
    <row r="105" spans="2:9" ht="15.75" thickBot="1" x14ac:dyDescent="0.3">
      <c r="B105" s="183" t="s">
        <v>937</v>
      </c>
      <c r="C105" s="184"/>
      <c r="D105" s="184"/>
      <c r="E105" s="184"/>
      <c r="F105" s="184"/>
      <c r="G105" s="184"/>
      <c r="H105" s="184"/>
      <c r="I105" s="185"/>
    </row>
    <row r="106" spans="2:9" x14ac:dyDescent="0.25">
      <c r="B106" s="13"/>
      <c r="C106" s="299" t="s">
        <v>938</v>
      </c>
      <c r="D106" s="300"/>
      <c r="E106" s="300"/>
      <c r="F106" s="300"/>
      <c r="G106" s="300"/>
      <c r="H106" s="300"/>
      <c r="I106" s="301"/>
    </row>
    <row r="107" spans="2:9" x14ac:dyDescent="0.25">
      <c r="B107" s="6"/>
      <c r="C107" s="287" t="s">
        <v>939</v>
      </c>
      <c r="D107" s="288"/>
      <c r="E107" s="288"/>
      <c r="F107" s="288"/>
      <c r="G107" s="288"/>
      <c r="H107" s="288"/>
      <c r="I107" s="289"/>
    </row>
    <row r="108" spans="2:9" x14ac:dyDescent="0.25">
      <c r="B108" s="6"/>
      <c r="C108" s="287" t="s">
        <v>940</v>
      </c>
      <c r="D108" s="288"/>
      <c r="E108" s="288"/>
      <c r="F108" s="288"/>
      <c r="G108" s="288"/>
      <c r="H108" s="288"/>
      <c r="I108" s="289"/>
    </row>
    <row r="109" spans="2:9" x14ac:dyDescent="0.25">
      <c r="B109" s="6"/>
      <c r="C109" s="287" t="s">
        <v>941</v>
      </c>
      <c r="D109" s="288"/>
      <c r="E109" s="288"/>
      <c r="F109" s="288"/>
      <c r="G109" s="288"/>
      <c r="H109" s="288"/>
      <c r="I109" s="289"/>
    </row>
    <row r="110" spans="2:9" x14ac:dyDescent="0.25">
      <c r="B110" s="6"/>
      <c r="C110" s="287" t="s">
        <v>942</v>
      </c>
      <c r="D110" s="288"/>
      <c r="E110" s="288"/>
      <c r="F110" s="288"/>
      <c r="G110" s="288"/>
      <c r="H110" s="288"/>
      <c r="I110" s="289"/>
    </row>
    <row r="111" spans="2:9" ht="15.75" thickBot="1" x14ac:dyDescent="0.3">
      <c r="B111" s="6"/>
      <c r="C111" s="287" t="s">
        <v>943</v>
      </c>
      <c r="D111" s="288"/>
      <c r="E111" s="288"/>
      <c r="F111" s="288"/>
      <c r="G111" s="288"/>
      <c r="H111" s="288"/>
      <c r="I111" s="289"/>
    </row>
    <row r="112" spans="2:9" ht="15.75" thickBot="1" x14ac:dyDescent="0.3">
      <c r="B112" s="207" t="s">
        <v>820</v>
      </c>
      <c r="C112" s="208"/>
      <c r="D112" s="208"/>
      <c r="E112" s="208"/>
      <c r="F112" s="208"/>
      <c r="G112" s="208"/>
      <c r="H112" s="208"/>
      <c r="I112" s="209"/>
    </row>
    <row r="113" spans="2:9" ht="15.75" thickBot="1" x14ac:dyDescent="0.3">
      <c r="B113" s="183" t="s">
        <v>821</v>
      </c>
      <c r="C113" s="184"/>
      <c r="D113" s="184"/>
      <c r="E113" s="184"/>
      <c r="F113" s="184"/>
      <c r="G113" s="184"/>
      <c r="H113" s="184"/>
      <c r="I113" s="185"/>
    </row>
    <row r="114" spans="2:9" x14ac:dyDescent="0.25">
      <c r="B114" s="13"/>
      <c r="C114" s="229" t="s">
        <v>822</v>
      </c>
      <c r="D114" s="203"/>
      <c r="E114" s="203"/>
      <c r="F114" s="203"/>
      <c r="G114" s="203"/>
      <c r="H114" s="203"/>
      <c r="I114" s="204"/>
    </row>
    <row r="115" spans="2:9" x14ac:dyDescent="0.25">
      <c r="B115" s="6"/>
      <c r="C115" s="198" t="s">
        <v>823</v>
      </c>
      <c r="D115" s="193"/>
      <c r="E115" s="193"/>
      <c r="F115" s="193"/>
      <c r="G115" s="193"/>
      <c r="H115" s="193"/>
      <c r="I115" s="194"/>
    </row>
    <row r="116" spans="2:9" x14ac:dyDescent="0.25">
      <c r="B116" s="6"/>
      <c r="C116" s="198" t="s">
        <v>824</v>
      </c>
      <c r="D116" s="193"/>
      <c r="E116" s="193"/>
      <c r="F116" s="193"/>
      <c r="G116" s="193"/>
      <c r="H116" s="193"/>
      <c r="I116" s="194"/>
    </row>
    <row r="117" spans="2:9" ht="15.75" thickBot="1" x14ac:dyDescent="0.3">
      <c r="B117" s="7"/>
      <c r="C117" s="206" t="s">
        <v>825</v>
      </c>
      <c r="D117" s="196"/>
      <c r="E117" s="196"/>
      <c r="F117" s="196"/>
      <c r="G117" s="196"/>
      <c r="H117" s="196"/>
      <c r="I117" s="197"/>
    </row>
    <row r="118" spans="2:9" ht="15.75" thickBot="1" x14ac:dyDescent="0.3">
      <c r="B118" s="207" t="s">
        <v>957</v>
      </c>
      <c r="C118" s="208"/>
      <c r="D118" s="208"/>
      <c r="E118" s="208"/>
      <c r="F118" s="208"/>
      <c r="G118" s="208"/>
      <c r="H118" s="208"/>
      <c r="I118" s="209"/>
    </row>
    <row r="119" spans="2:9" ht="15.75" thickBot="1" x14ac:dyDescent="0.3">
      <c r="B119" s="183" t="s">
        <v>958</v>
      </c>
      <c r="C119" s="184"/>
      <c r="D119" s="184"/>
      <c r="E119" s="184"/>
      <c r="F119" s="184"/>
      <c r="G119" s="184"/>
      <c r="H119" s="184"/>
      <c r="I119" s="185"/>
    </row>
    <row r="120" spans="2:9" x14ac:dyDescent="0.25">
      <c r="B120" s="13"/>
      <c r="C120" s="299" t="s">
        <v>959</v>
      </c>
      <c r="D120" s="300"/>
      <c r="E120" s="300"/>
      <c r="F120" s="300"/>
      <c r="G120" s="300"/>
      <c r="H120" s="300"/>
      <c r="I120" s="301"/>
    </row>
    <row r="121" spans="2:9" x14ac:dyDescent="0.25">
      <c r="B121" s="6"/>
      <c r="C121" s="287" t="s">
        <v>192</v>
      </c>
      <c r="D121" s="288"/>
      <c r="E121" s="288"/>
      <c r="F121" s="288"/>
      <c r="G121" s="288"/>
      <c r="H121" s="288"/>
      <c r="I121" s="289"/>
    </row>
    <row r="122" spans="2:9" x14ac:dyDescent="0.25">
      <c r="B122" s="6"/>
      <c r="C122" s="287" t="s">
        <v>960</v>
      </c>
      <c r="D122" s="288"/>
      <c r="E122" s="288"/>
      <c r="F122" s="288"/>
      <c r="G122" s="288"/>
      <c r="H122" s="288"/>
      <c r="I122" s="289"/>
    </row>
    <row r="123" spans="2:9" x14ac:dyDescent="0.25">
      <c r="B123" s="6"/>
      <c r="C123" s="287" t="s">
        <v>961</v>
      </c>
      <c r="D123" s="288"/>
      <c r="E123" s="288"/>
      <c r="F123" s="288"/>
      <c r="G123" s="288"/>
      <c r="H123" s="288"/>
      <c r="I123" s="289"/>
    </row>
    <row r="124" spans="2:9" x14ac:dyDescent="0.25">
      <c r="B124" s="6"/>
      <c r="C124" s="287" t="s">
        <v>962</v>
      </c>
      <c r="D124" s="288"/>
      <c r="E124" s="288"/>
      <c r="F124" s="288"/>
      <c r="G124" s="288"/>
      <c r="H124" s="288"/>
      <c r="I124" s="289"/>
    </row>
    <row r="125" spans="2:9" x14ac:dyDescent="0.25">
      <c r="B125" s="6"/>
      <c r="C125" s="287" t="s">
        <v>963</v>
      </c>
      <c r="D125" s="288"/>
      <c r="E125" s="288"/>
      <c r="F125" s="288"/>
      <c r="G125" s="288"/>
      <c r="H125" s="288"/>
      <c r="I125" s="289"/>
    </row>
    <row r="126" spans="2:9" x14ac:dyDescent="0.25">
      <c r="B126" s="6"/>
      <c r="C126" s="290" t="s">
        <v>964</v>
      </c>
      <c r="D126" s="291"/>
      <c r="E126" s="291"/>
      <c r="F126" s="291"/>
      <c r="G126" s="291"/>
      <c r="H126" s="291"/>
      <c r="I126" s="292"/>
    </row>
    <row r="127" spans="2:9" x14ac:dyDescent="0.25">
      <c r="B127" s="6"/>
      <c r="C127" s="287" t="s">
        <v>965</v>
      </c>
      <c r="D127" s="288"/>
      <c r="E127" s="288"/>
      <c r="F127" s="288"/>
      <c r="G127" s="288"/>
      <c r="H127" s="288"/>
      <c r="I127" s="289"/>
    </row>
    <row r="128" spans="2:9" ht="15.75" thickBot="1" x14ac:dyDescent="0.3">
      <c r="B128" s="7"/>
      <c r="C128" s="308" t="s">
        <v>966</v>
      </c>
      <c r="D128" s="309"/>
      <c r="E128" s="309"/>
      <c r="F128" s="309"/>
      <c r="G128" s="309"/>
      <c r="H128" s="309"/>
      <c r="I128" s="310"/>
    </row>
    <row r="129" spans="2:9" x14ac:dyDescent="0.25">
      <c r="B129" s="13"/>
      <c r="C129" s="299" t="s">
        <v>967</v>
      </c>
      <c r="D129" s="300"/>
      <c r="E129" s="300"/>
      <c r="F129" s="300"/>
      <c r="G129" s="300"/>
      <c r="H129" s="300"/>
      <c r="I129" s="301"/>
    </row>
    <row r="130" spans="2:9" x14ac:dyDescent="0.25">
      <c r="B130" s="6"/>
      <c r="C130" s="287" t="s">
        <v>968</v>
      </c>
      <c r="D130" s="288"/>
      <c r="E130" s="288"/>
      <c r="F130" s="288"/>
      <c r="G130" s="288"/>
      <c r="H130" s="288"/>
      <c r="I130" s="289"/>
    </row>
    <row r="131" spans="2:9" x14ac:dyDescent="0.25">
      <c r="B131" s="6"/>
      <c r="C131" s="287" t="s">
        <v>955</v>
      </c>
      <c r="D131" s="288"/>
      <c r="E131" s="288"/>
      <c r="F131" s="288"/>
      <c r="G131" s="288"/>
      <c r="H131" s="288"/>
      <c r="I131" s="289"/>
    </row>
    <row r="132" spans="2:9" x14ac:dyDescent="0.25">
      <c r="B132" s="6"/>
      <c r="C132" s="287" t="s">
        <v>969</v>
      </c>
      <c r="D132" s="288"/>
      <c r="E132" s="288"/>
      <c r="F132" s="288"/>
      <c r="G132" s="288"/>
      <c r="H132" s="288"/>
      <c r="I132" s="289"/>
    </row>
    <row r="133" spans="2:9" x14ac:dyDescent="0.25">
      <c r="B133" s="26"/>
      <c r="C133" s="284" t="s">
        <v>970</v>
      </c>
      <c r="D133" s="285"/>
      <c r="E133" s="285"/>
      <c r="F133" s="285"/>
      <c r="G133" s="285"/>
      <c r="H133" s="285"/>
      <c r="I133" s="286"/>
    </row>
    <row r="134" spans="2:9" x14ac:dyDescent="0.25">
      <c r="B134" s="26"/>
      <c r="C134" s="284" t="s">
        <v>971</v>
      </c>
      <c r="D134" s="285"/>
      <c r="E134" s="285"/>
      <c r="F134" s="285"/>
      <c r="G134" s="285"/>
      <c r="H134" s="285"/>
      <c r="I134" s="286"/>
    </row>
    <row r="135" spans="2:9" x14ac:dyDescent="0.25">
      <c r="B135" s="26"/>
      <c r="C135" s="284" t="s">
        <v>972</v>
      </c>
      <c r="D135" s="285"/>
      <c r="E135" s="285"/>
      <c r="F135" s="285"/>
      <c r="G135" s="285"/>
      <c r="H135" s="285"/>
      <c r="I135" s="286"/>
    </row>
    <row r="136" spans="2:9" ht="15.75" thickBot="1" x14ac:dyDescent="0.3">
      <c r="B136" s="26"/>
      <c r="C136" s="284" t="s">
        <v>973</v>
      </c>
      <c r="D136" s="285"/>
      <c r="E136" s="285"/>
      <c r="F136" s="285"/>
      <c r="G136" s="285"/>
      <c r="H136" s="285"/>
      <c r="I136" s="286"/>
    </row>
    <row r="137" spans="2:9" ht="15.75" thickBot="1" x14ac:dyDescent="0.3">
      <c r="B137" s="207" t="s">
        <v>974</v>
      </c>
      <c r="C137" s="208"/>
      <c r="D137" s="208"/>
      <c r="E137" s="208"/>
      <c r="F137" s="208"/>
      <c r="G137" s="208"/>
      <c r="H137" s="208"/>
      <c r="I137" s="209"/>
    </row>
    <row r="138" spans="2:9" ht="15.75" thickBot="1" x14ac:dyDescent="0.3">
      <c r="B138" s="183" t="s">
        <v>983</v>
      </c>
      <c r="C138" s="184"/>
      <c r="D138" s="184"/>
      <c r="E138" s="184"/>
      <c r="F138" s="184"/>
      <c r="G138" s="184"/>
      <c r="H138" s="184"/>
      <c r="I138" s="185"/>
    </row>
    <row r="139" spans="2:9" x14ac:dyDescent="0.25">
      <c r="B139" s="13"/>
      <c r="C139" s="299" t="s">
        <v>975</v>
      </c>
      <c r="D139" s="300"/>
      <c r="E139" s="300"/>
      <c r="F139" s="300"/>
      <c r="G139" s="300"/>
      <c r="H139" s="300"/>
      <c r="I139" s="301"/>
    </row>
    <row r="140" spans="2:9" x14ac:dyDescent="0.25">
      <c r="B140" s="6"/>
      <c r="C140" s="287" t="s">
        <v>976</v>
      </c>
      <c r="D140" s="288"/>
      <c r="E140" s="288"/>
      <c r="F140" s="288"/>
      <c r="G140" s="288"/>
      <c r="H140" s="288"/>
      <c r="I140" s="289"/>
    </row>
    <row r="141" spans="2:9" x14ac:dyDescent="0.25">
      <c r="B141" s="6"/>
      <c r="C141" s="287" t="s">
        <v>977</v>
      </c>
      <c r="D141" s="288"/>
      <c r="E141" s="288"/>
      <c r="F141" s="288"/>
      <c r="G141" s="288"/>
      <c r="H141" s="288"/>
      <c r="I141" s="289"/>
    </row>
    <row r="142" spans="2:9" x14ac:dyDescent="0.25">
      <c r="B142" s="6"/>
      <c r="C142" s="287" t="s">
        <v>978</v>
      </c>
      <c r="D142" s="288"/>
      <c r="E142" s="288"/>
      <c r="F142" s="288"/>
      <c r="G142" s="288"/>
      <c r="H142" s="288"/>
      <c r="I142" s="289"/>
    </row>
    <row r="143" spans="2:9" x14ac:dyDescent="0.25">
      <c r="B143" s="6"/>
      <c r="C143" s="287" t="s">
        <v>979</v>
      </c>
      <c r="D143" s="288"/>
      <c r="E143" s="288"/>
      <c r="F143" s="288"/>
      <c r="G143" s="288"/>
      <c r="H143" s="288"/>
      <c r="I143" s="289"/>
    </row>
    <row r="144" spans="2:9" x14ac:dyDescent="0.25">
      <c r="B144" s="6"/>
      <c r="C144" s="287" t="s">
        <v>980</v>
      </c>
      <c r="D144" s="288"/>
      <c r="E144" s="288"/>
      <c r="F144" s="288"/>
      <c r="G144" s="288"/>
      <c r="H144" s="288"/>
      <c r="I144" s="289"/>
    </row>
    <row r="145" spans="2:9" x14ac:dyDescent="0.25">
      <c r="B145" s="6"/>
      <c r="C145" s="290" t="s">
        <v>981</v>
      </c>
      <c r="D145" s="291"/>
      <c r="E145" s="291"/>
      <c r="F145" s="291"/>
      <c r="G145" s="291"/>
      <c r="H145" s="291"/>
      <c r="I145" s="292"/>
    </row>
    <row r="146" spans="2:9" ht="15.75" thickBot="1" x14ac:dyDescent="0.3">
      <c r="B146" s="6"/>
      <c r="C146" s="287" t="s">
        <v>982</v>
      </c>
      <c r="D146" s="288"/>
      <c r="E146" s="288"/>
      <c r="F146" s="288"/>
      <c r="G146" s="288"/>
      <c r="H146" s="288"/>
      <c r="I146" s="289"/>
    </row>
    <row r="147" spans="2:9" ht="15.75" thickBot="1" x14ac:dyDescent="0.3">
      <c r="B147" s="180" t="s">
        <v>984</v>
      </c>
      <c r="C147" s="181"/>
      <c r="D147" s="181"/>
      <c r="E147" s="181"/>
      <c r="F147" s="181"/>
      <c r="G147" s="181"/>
      <c r="H147" s="181"/>
      <c r="I147" s="182"/>
    </row>
    <row r="148" spans="2:9" ht="15.75" thickBot="1" x14ac:dyDescent="0.3">
      <c r="B148" s="216" t="s">
        <v>985</v>
      </c>
      <c r="C148" s="217"/>
      <c r="D148" s="217"/>
      <c r="E148" s="217"/>
      <c r="F148" s="217"/>
      <c r="G148" s="217"/>
      <c r="H148" s="217"/>
      <c r="I148" s="218"/>
    </row>
    <row r="149" spans="2:9" x14ac:dyDescent="0.25">
      <c r="B149" s="25"/>
      <c r="C149" s="199" t="s">
        <v>986</v>
      </c>
      <c r="D149" s="200"/>
      <c r="E149" s="200"/>
      <c r="F149" s="200"/>
      <c r="G149" s="200"/>
      <c r="H149" s="200"/>
      <c r="I149" s="201"/>
    </row>
    <row r="150" spans="2:9" x14ac:dyDescent="0.25">
      <c r="B150" s="26"/>
      <c r="C150" s="192" t="s">
        <v>987</v>
      </c>
      <c r="D150" s="193"/>
      <c r="E150" s="193"/>
      <c r="F150" s="193"/>
      <c r="G150" s="193"/>
      <c r="H150" s="193"/>
      <c r="I150" s="194"/>
    </row>
    <row r="151" spans="2:9" ht="15.75" thickBot="1" x14ac:dyDescent="0.3">
      <c r="B151" s="26"/>
      <c r="C151" s="192" t="s">
        <v>988</v>
      </c>
      <c r="D151" s="193"/>
      <c r="E151" s="193"/>
      <c r="F151" s="193"/>
      <c r="G151" s="193"/>
      <c r="H151" s="193"/>
      <c r="I151" s="194"/>
    </row>
    <row r="152" spans="2:9" ht="15.75" thickBot="1" x14ac:dyDescent="0.3">
      <c r="B152" s="207" t="s">
        <v>989</v>
      </c>
      <c r="C152" s="208"/>
      <c r="D152" s="208"/>
      <c r="E152" s="208"/>
      <c r="F152" s="208"/>
      <c r="G152" s="208"/>
      <c r="H152" s="208"/>
      <c r="I152" s="209"/>
    </row>
    <row r="153" spans="2:9" ht="15.75" thickBot="1" x14ac:dyDescent="0.3">
      <c r="B153" s="183" t="s">
        <v>990</v>
      </c>
      <c r="C153" s="184"/>
      <c r="D153" s="184"/>
      <c r="E153" s="184"/>
      <c r="F153" s="184"/>
      <c r="G153" s="184"/>
      <c r="H153" s="184"/>
      <c r="I153" s="185"/>
    </row>
    <row r="154" spans="2:9" x14ac:dyDescent="0.25">
      <c r="B154" s="13"/>
      <c r="C154" s="299" t="s">
        <v>103</v>
      </c>
      <c r="D154" s="300"/>
      <c r="E154" s="300"/>
      <c r="F154" s="300"/>
      <c r="G154" s="300"/>
      <c r="H154" s="300"/>
      <c r="I154" s="301"/>
    </row>
    <row r="155" spans="2:9" x14ac:dyDescent="0.25">
      <c r="B155" s="6"/>
      <c r="C155" s="287" t="s">
        <v>991</v>
      </c>
      <c r="D155" s="288"/>
      <c r="E155" s="288"/>
      <c r="F155" s="288"/>
      <c r="G155" s="288"/>
      <c r="H155" s="288"/>
      <c r="I155" s="289"/>
    </row>
    <row r="156" spans="2:9" x14ac:dyDescent="0.25">
      <c r="B156" s="6"/>
      <c r="C156" s="287" t="s">
        <v>992</v>
      </c>
      <c r="D156" s="288"/>
      <c r="E156" s="288"/>
      <c r="F156" s="288"/>
      <c r="G156" s="288"/>
      <c r="H156" s="288"/>
      <c r="I156" s="289"/>
    </row>
    <row r="157" spans="2:9" ht="15.75" thickBot="1" x14ac:dyDescent="0.3">
      <c r="B157" s="6"/>
      <c r="C157" s="287" t="s">
        <v>993</v>
      </c>
      <c r="D157" s="288"/>
      <c r="E157" s="288"/>
      <c r="F157" s="288"/>
      <c r="G157" s="288"/>
      <c r="H157" s="288"/>
      <c r="I157" s="289"/>
    </row>
    <row r="158" spans="2:9" ht="15.75" thickBot="1" x14ac:dyDescent="0.3">
      <c r="B158" s="180" t="s">
        <v>1004</v>
      </c>
      <c r="C158" s="181"/>
      <c r="D158" s="181"/>
      <c r="E158" s="181"/>
      <c r="F158" s="181"/>
      <c r="G158" s="181"/>
      <c r="H158" s="181"/>
      <c r="I158" s="182"/>
    </row>
    <row r="159" spans="2:9" ht="15.75" thickBot="1" x14ac:dyDescent="0.3">
      <c r="B159" s="293" t="s">
        <v>1005</v>
      </c>
      <c r="C159" s="294"/>
      <c r="D159" s="294"/>
      <c r="E159" s="294"/>
      <c r="F159" s="294"/>
      <c r="G159" s="294"/>
      <c r="H159" s="294"/>
      <c r="I159" s="295"/>
    </row>
    <row r="160" spans="2:9" x14ac:dyDescent="0.25">
      <c r="B160" s="25"/>
      <c r="C160" s="296" t="s">
        <v>1006</v>
      </c>
      <c r="D160" s="297"/>
      <c r="E160" s="297"/>
      <c r="F160" s="297"/>
      <c r="G160" s="297"/>
      <c r="H160" s="297"/>
      <c r="I160" s="298"/>
    </row>
    <row r="161" spans="2:9" x14ac:dyDescent="0.25">
      <c r="B161" s="26"/>
      <c r="C161" s="284" t="s">
        <v>1007</v>
      </c>
      <c r="D161" s="285"/>
      <c r="E161" s="285"/>
      <c r="F161" s="285"/>
      <c r="G161" s="285"/>
      <c r="H161" s="285"/>
      <c r="I161" s="286"/>
    </row>
    <row r="162" spans="2:9" x14ac:dyDescent="0.25">
      <c r="B162" s="26"/>
      <c r="C162" s="284" t="s">
        <v>523</v>
      </c>
      <c r="D162" s="285"/>
      <c r="E162" s="285"/>
      <c r="F162" s="285"/>
      <c r="G162" s="285"/>
      <c r="H162" s="285"/>
      <c r="I162" s="286"/>
    </row>
    <row r="163" spans="2:9" x14ac:dyDescent="0.25">
      <c r="B163" s="26"/>
      <c r="C163" s="284" t="s">
        <v>132</v>
      </c>
      <c r="D163" s="285"/>
      <c r="E163" s="285"/>
      <c r="F163" s="285"/>
      <c r="G163" s="285"/>
      <c r="H163" s="285"/>
      <c r="I163" s="286"/>
    </row>
    <row r="164" spans="2:9" x14ac:dyDescent="0.25">
      <c r="B164" s="26"/>
      <c r="C164" s="284" t="s">
        <v>1008</v>
      </c>
      <c r="D164" s="285"/>
      <c r="E164" s="285"/>
      <c r="F164" s="285"/>
      <c r="G164" s="285"/>
      <c r="H164" s="285"/>
      <c r="I164" s="286"/>
    </row>
    <row r="165" spans="2:9" x14ac:dyDescent="0.25">
      <c r="B165" s="26"/>
      <c r="C165" s="284" t="s">
        <v>1009</v>
      </c>
      <c r="D165" s="285"/>
      <c r="E165" s="285"/>
      <c r="F165" s="285"/>
      <c r="G165" s="285"/>
      <c r="H165" s="285"/>
      <c r="I165" s="286"/>
    </row>
    <row r="166" spans="2:9" x14ac:dyDescent="0.25">
      <c r="B166" s="26"/>
      <c r="C166" s="284" t="s">
        <v>1010</v>
      </c>
      <c r="D166" s="285"/>
      <c r="E166" s="285"/>
      <c r="F166" s="285"/>
      <c r="G166" s="285"/>
      <c r="H166" s="285"/>
      <c r="I166" s="286"/>
    </row>
    <row r="167" spans="2:9" ht="15.75" thickBot="1" x14ac:dyDescent="0.3">
      <c r="B167" s="26"/>
      <c r="C167" s="284" t="s">
        <v>1011</v>
      </c>
      <c r="D167" s="285"/>
      <c r="E167" s="285"/>
      <c r="F167" s="285"/>
      <c r="G167" s="285"/>
      <c r="H167" s="285"/>
      <c r="I167" s="286"/>
    </row>
    <row r="168" spans="2:9" ht="15.75" thickBot="1" x14ac:dyDescent="0.3">
      <c r="B168" s="180" t="s">
        <v>994</v>
      </c>
      <c r="C168" s="181"/>
      <c r="D168" s="181"/>
      <c r="E168" s="181"/>
      <c r="F168" s="181"/>
      <c r="G168" s="181"/>
      <c r="H168" s="181"/>
      <c r="I168" s="182"/>
    </row>
    <row r="169" spans="2:9" ht="15.75" thickBot="1" x14ac:dyDescent="0.3">
      <c r="B169" s="183" t="s">
        <v>997</v>
      </c>
      <c r="C169" s="184"/>
      <c r="D169" s="184"/>
      <c r="E169" s="184"/>
      <c r="F169" s="184"/>
      <c r="G169" s="184"/>
      <c r="H169" s="184"/>
      <c r="I169" s="185"/>
    </row>
    <row r="170" spans="2:9" x14ac:dyDescent="0.25">
      <c r="B170" s="25"/>
      <c r="C170" s="296" t="s">
        <v>854</v>
      </c>
      <c r="D170" s="297"/>
      <c r="E170" s="297"/>
      <c r="F170" s="297"/>
      <c r="G170" s="297"/>
      <c r="H170" s="297"/>
      <c r="I170" s="298"/>
    </row>
    <row r="171" spans="2:9" x14ac:dyDescent="0.25">
      <c r="B171" s="26"/>
      <c r="C171" s="284" t="s">
        <v>855</v>
      </c>
      <c r="D171" s="285"/>
      <c r="E171" s="285"/>
      <c r="F171" s="285"/>
      <c r="G171" s="285"/>
      <c r="H171" s="285"/>
      <c r="I171" s="286"/>
    </row>
    <row r="172" spans="2:9" x14ac:dyDescent="0.25">
      <c r="B172" s="26"/>
      <c r="C172" s="284" t="s">
        <v>856</v>
      </c>
      <c r="D172" s="285"/>
      <c r="E172" s="285"/>
      <c r="F172" s="285"/>
      <c r="G172" s="285"/>
      <c r="H172" s="285"/>
      <c r="I172" s="286"/>
    </row>
    <row r="173" spans="2:9" x14ac:dyDescent="0.25">
      <c r="B173" s="26"/>
      <c r="C173" s="284" t="s">
        <v>857</v>
      </c>
      <c r="D173" s="285"/>
      <c r="E173" s="285"/>
      <c r="F173" s="285"/>
      <c r="G173" s="285"/>
      <c r="H173" s="285"/>
      <c r="I173" s="286"/>
    </row>
    <row r="174" spans="2:9" x14ac:dyDescent="0.25">
      <c r="B174" s="26"/>
      <c r="C174" s="284" t="s">
        <v>858</v>
      </c>
      <c r="D174" s="285"/>
      <c r="E174" s="285"/>
      <c r="F174" s="285"/>
      <c r="G174" s="285"/>
      <c r="H174" s="285"/>
      <c r="I174" s="286"/>
    </row>
    <row r="175" spans="2:9" x14ac:dyDescent="0.25">
      <c r="B175" s="26"/>
      <c r="C175" s="284" t="s">
        <v>859</v>
      </c>
      <c r="D175" s="285"/>
      <c r="E175" s="285"/>
      <c r="F175" s="285"/>
      <c r="G175" s="285"/>
      <c r="H175" s="285"/>
      <c r="I175" s="286"/>
    </row>
    <row r="176" spans="2:9" x14ac:dyDescent="0.25">
      <c r="B176" s="26"/>
      <c r="C176" s="284" t="s">
        <v>860</v>
      </c>
      <c r="D176" s="285"/>
      <c r="E176" s="285"/>
      <c r="F176" s="285"/>
      <c r="G176" s="285"/>
      <c r="H176" s="285"/>
      <c r="I176" s="286"/>
    </row>
    <row r="177" spans="2:9" x14ac:dyDescent="0.25">
      <c r="B177" s="26"/>
      <c r="C177" s="284" t="s">
        <v>861</v>
      </c>
      <c r="D177" s="285"/>
      <c r="E177" s="285"/>
      <c r="F177" s="285"/>
      <c r="G177" s="285"/>
      <c r="H177" s="285"/>
      <c r="I177" s="286"/>
    </row>
    <row r="178" spans="2:9" x14ac:dyDescent="0.25">
      <c r="B178" s="26"/>
      <c r="C178" s="284" t="s">
        <v>862</v>
      </c>
      <c r="D178" s="285"/>
      <c r="E178" s="285"/>
      <c r="F178" s="285"/>
      <c r="G178" s="285"/>
      <c r="H178" s="285"/>
      <c r="I178" s="286"/>
    </row>
    <row r="179" spans="2:9" x14ac:dyDescent="0.25">
      <c r="B179" s="26"/>
      <c r="C179" s="284" t="s">
        <v>863</v>
      </c>
      <c r="D179" s="285"/>
      <c r="E179" s="285"/>
      <c r="F179" s="285"/>
      <c r="G179" s="285"/>
      <c r="H179" s="285"/>
      <c r="I179" s="286"/>
    </row>
    <row r="180" spans="2:9" x14ac:dyDescent="0.25">
      <c r="B180" s="48"/>
      <c r="C180" s="284" t="s">
        <v>864</v>
      </c>
      <c r="D180" s="285"/>
      <c r="E180" s="285"/>
      <c r="F180" s="285"/>
      <c r="G180" s="285"/>
      <c r="H180" s="285"/>
      <c r="I180" s="286"/>
    </row>
    <row r="181" spans="2:9" x14ac:dyDescent="0.25">
      <c r="B181" s="26"/>
      <c r="C181" s="284" t="s">
        <v>866</v>
      </c>
      <c r="D181" s="285"/>
      <c r="E181" s="285"/>
      <c r="F181" s="285"/>
      <c r="G181" s="285"/>
      <c r="H181" s="285"/>
      <c r="I181" s="286"/>
    </row>
    <row r="182" spans="2:9" x14ac:dyDescent="0.25">
      <c r="B182" s="26"/>
      <c r="C182" s="284" t="s">
        <v>867</v>
      </c>
      <c r="D182" s="285"/>
      <c r="E182" s="285"/>
      <c r="F182" s="285"/>
      <c r="G182" s="285"/>
      <c r="H182" s="285"/>
      <c r="I182" s="286"/>
    </row>
    <row r="183" spans="2:9" x14ac:dyDescent="0.25">
      <c r="B183" s="26"/>
      <c r="C183" s="284" t="s">
        <v>868</v>
      </c>
      <c r="D183" s="285"/>
      <c r="E183" s="285"/>
      <c r="F183" s="285"/>
      <c r="G183" s="285"/>
      <c r="H183" s="285"/>
      <c r="I183" s="286"/>
    </row>
    <row r="184" spans="2:9" x14ac:dyDescent="0.25">
      <c r="B184" s="26"/>
      <c r="C184" s="284" t="s">
        <v>869</v>
      </c>
      <c r="D184" s="285"/>
      <c r="E184" s="285"/>
      <c r="F184" s="285"/>
      <c r="G184" s="285"/>
      <c r="H184" s="285"/>
      <c r="I184" s="286"/>
    </row>
    <row r="185" spans="2:9" x14ac:dyDescent="0.25">
      <c r="B185" s="26"/>
      <c r="C185" s="284" t="s">
        <v>870</v>
      </c>
      <c r="D185" s="285"/>
      <c r="E185" s="285"/>
      <c r="F185" s="285"/>
      <c r="G185" s="285"/>
      <c r="H185" s="285"/>
      <c r="I185" s="286"/>
    </row>
    <row r="186" spans="2:9" x14ac:dyDescent="0.25">
      <c r="B186" s="26"/>
      <c r="C186" s="284" t="s">
        <v>871</v>
      </c>
      <c r="D186" s="285"/>
      <c r="E186" s="285"/>
      <c r="F186" s="285"/>
      <c r="G186" s="285"/>
      <c r="H186" s="285"/>
      <c r="I186" s="286"/>
    </row>
    <row r="187" spans="2:9" x14ac:dyDescent="0.25">
      <c r="B187" s="26"/>
      <c r="C187" s="284" t="s">
        <v>872</v>
      </c>
      <c r="D187" s="285"/>
      <c r="E187" s="285"/>
      <c r="F187" s="285"/>
      <c r="G187" s="285"/>
      <c r="H187" s="285"/>
      <c r="I187" s="286"/>
    </row>
    <row r="188" spans="2:9" x14ac:dyDescent="0.25">
      <c r="B188" s="26"/>
      <c r="C188" s="284" t="s">
        <v>873</v>
      </c>
      <c r="D188" s="285"/>
      <c r="E188" s="285"/>
      <c r="F188" s="285"/>
      <c r="G188" s="285"/>
      <c r="H188" s="285"/>
      <c r="I188" s="286"/>
    </row>
    <row r="189" spans="2:9" x14ac:dyDescent="0.25">
      <c r="B189" s="26"/>
      <c r="C189" s="284" t="s">
        <v>874</v>
      </c>
      <c r="D189" s="285"/>
      <c r="E189" s="285"/>
      <c r="F189" s="285"/>
      <c r="G189" s="285"/>
      <c r="H189" s="285"/>
      <c r="I189" s="286"/>
    </row>
    <row r="190" spans="2:9" x14ac:dyDescent="0.25">
      <c r="B190" s="26"/>
      <c r="C190" s="284" t="s">
        <v>875</v>
      </c>
      <c r="D190" s="285"/>
      <c r="E190" s="285"/>
      <c r="F190" s="285"/>
      <c r="G190" s="285"/>
      <c r="H190" s="285"/>
      <c r="I190" s="286"/>
    </row>
    <row r="191" spans="2:9" x14ac:dyDescent="0.25">
      <c r="B191" s="26"/>
      <c r="C191" s="284" t="s">
        <v>876</v>
      </c>
      <c r="D191" s="285"/>
      <c r="E191" s="285"/>
      <c r="F191" s="285"/>
      <c r="G191" s="285"/>
      <c r="H191" s="285"/>
      <c r="I191" s="286"/>
    </row>
    <row r="192" spans="2:9" x14ac:dyDescent="0.25">
      <c r="B192" s="26"/>
      <c r="C192" s="284" t="s">
        <v>877</v>
      </c>
      <c r="D192" s="285"/>
      <c r="E192" s="285"/>
      <c r="F192" s="285"/>
      <c r="G192" s="285"/>
      <c r="H192" s="285"/>
      <c r="I192" s="286"/>
    </row>
    <row r="193" spans="2:9" x14ac:dyDescent="0.25">
      <c r="B193" s="26"/>
      <c r="C193" s="284" t="s">
        <v>878</v>
      </c>
      <c r="D193" s="285"/>
      <c r="E193" s="285"/>
      <c r="F193" s="285"/>
      <c r="G193" s="285"/>
      <c r="H193" s="285"/>
      <c r="I193" s="286"/>
    </row>
    <row r="194" spans="2:9" x14ac:dyDescent="0.25">
      <c r="B194" s="26"/>
      <c r="C194" s="284" t="s">
        <v>879</v>
      </c>
      <c r="D194" s="285"/>
      <c r="E194" s="285"/>
      <c r="F194" s="285"/>
      <c r="G194" s="285"/>
      <c r="H194" s="285"/>
      <c r="I194" s="286"/>
    </row>
    <row r="195" spans="2:9" x14ac:dyDescent="0.25">
      <c r="B195" s="26"/>
      <c r="C195" s="284" t="s">
        <v>880</v>
      </c>
      <c r="D195" s="285"/>
      <c r="E195" s="285"/>
      <c r="F195" s="285"/>
      <c r="G195" s="285"/>
      <c r="H195" s="285"/>
      <c r="I195" s="286"/>
    </row>
    <row r="196" spans="2:9" ht="15.75" thickBot="1" x14ac:dyDescent="0.3">
      <c r="B196" s="26"/>
      <c r="C196" s="284" t="s">
        <v>881</v>
      </c>
      <c r="D196" s="285"/>
      <c r="E196" s="285"/>
      <c r="F196" s="285"/>
      <c r="G196" s="285"/>
      <c r="H196" s="285"/>
      <c r="I196" s="286"/>
    </row>
    <row r="197" spans="2:9" ht="15.75" thickBot="1" x14ac:dyDescent="0.3">
      <c r="B197" s="180" t="s">
        <v>1012</v>
      </c>
      <c r="C197" s="181"/>
      <c r="D197" s="181"/>
      <c r="E197" s="181"/>
      <c r="F197" s="181"/>
      <c r="G197" s="181"/>
      <c r="H197" s="181"/>
      <c r="I197" s="182"/>
    </row>
    <row r="198" spans="2:9" ht="15.75" thickBot="1" x14ac:dyDescent="0.3">
      <c r="B198" s="10" t="s">
        <v>1013</v>
      </c>
      <c r="C198" s="19"/>
      <c r="D198" s="19"/>
      <c r="E198" s="19"/>
      <c r="F198" s="19"/>
      <c r="G198" s="19"/>
      <c r="H198" s="19"/>
      <c r="I198" s="28"/>
    </row>
    <row r="199" spans="2:9" x14ac:dyDescent="0.25">
      <c r="B199" s="25"/>
      <c r="C199" s="296" t="s">
        <v>1014</v>
      </c>
      <c r="D199" s="297"/>
      <c r="E199" s="297"/>
      <c r="F199" s="297"/>
      <c r="G199" s="297"/>
      <c r="H199" s="297"/>
      <c r="I199" s="298"/>
    </row>
    <row r="200" spans="2:9" x14ac:dyDescent="0.25">
      <c r="B200" s="26"/>
      <c r="C200" s="284" t="s">
        <v>1015</v>
      </c>
      <c r="D200" s="285"/>
      <c r="E200" s="285"/>
      <c r="F200" s="285"/>
      <c r="G200" s="285"/>
      <c r="H200" s="285"/>
      <c r="I200" s="286"/>
    </row>
    <row r="201" spans="2:9" x14ac:dyDescent="0.25">
      <c r="B201" s="26"/>
      <c r="C201" s="284" t="s">
        <v>1016</v>
      </c>
      <c r="D201" s="285"/>
      <c r="E201" s="285"/>
      <c r="F201" s="285"/>
      <c r="G201" s="285"/>
      <c r="H201" s="285"/>
      <c r="I201" s="286"/>
    </row>
    <row r="202" spans="2:9" x14ac:dyDescent="0.25">
      <c r="B202" s="26"/>
      <c r="C202" s="284" t="s">
        <v>1017</v>
      </c>
      <c r="D202" s="285"/>
      <c r="E202" s="285"/>
      <c r="F202" s="285"/>
      <c r="G202" s="285"/>
      <c r="H202" s="285"/>
      <c r="I202" s="286"/>
    </row>
    <row r="203" spans="2:9" x14ac:dyDescent="0.25">
      <c r="B203" s="26"/>
      <c r="C203" s="284" t="s">
        <v>1018</v>
      </c>
      <c r="D203" s="285"/>
      <c r="E203" s="285"/>
      <c r="F203" s="285"/>
      <c r="G203" s="285"/>
      <c r="H203" s="285"/>
      <c r="I203" s="286"/>
    </row>
    <row r="204" spans="2:9" x14ac:dyDescent="0.25">
      <c r="B204" s="26"/>
      <c r="C204" s="284" t="s">
        <v>1019</v>
      </c>
      <c r="D204" s="285"/>
      <c r="E204" s="285"/>
      <c r="F204" s="285"/>
      <c r="G204" s="285"/>
      <c r="H204" s="285"/>
      <c r="I204" s="286"/>
    </row>
    <row r="205" spans="2:9" ht="15.75" thickBot="1" x14ac:dyDescent="0.3">
      <c r="B205" s="26"/>
      <c r="C205" s="284" t="s">
        <v>1020</v>
      </c>
      <c r="D205" s="285"/>
      <c r="E205" s="285"/>
      <c r="F205" s="285"/>
      <c r="G205" s="285"/>
      <c r="H205" s="285"/>
      <c r="I205" s="286"/>
    </row>
    <row r="206" spans="2:9" ht="15.75" thickBot="1" x14ac:dyDescent="0.3">
      <c r="B206" s="180" t="s">
        <v>995</v>
      </c>
      <c r="C206" s="181"/>
      <c r="D206" s="181"/>
      <c r="E206" s="181"/>
      <c r="F206" s="181"/>
      <c r="G206" s="181"/>
      <c r="H206" s="181"/>
      <c r="I206" s="182"/>
    </row>
    <row r="207" spans="2:9" ht="15.75" thickBot="1" x14ac:dyDescent="0.3">
      <c r="B207" s="10" t="s">
        <v>996</v>
      </c>
      <c r="C207" s="19"/>
      <c r="D207" s="19"/>
      <c r="E207" s="19"/>
      <c r="F207" s="19"/>
      <c r="G207" s="19"/>
      <c r="H207" s="19"/>
      <c r="I207" s="28"/>
    </row>
    <row r="208" spans="2:9" x14ac:dyDescent="0.25">
      <c r="B208" s="25"/>
      <c r="C208" s="296" t="s">
        <v>998</v>
      </c>
      <c r="D208" s="297"/>
      <c r="E208" s="297"/>
      <c r="F208" s="297"/>
      <c r="G208" s="297"/>
      <c r="H208" s="297"/>
      <c r="I208" s="298"/>
    </row>
    <row r="209" spans="2:9" x14ac:dyDescent="0.25">
      <c r="B209" s="26"/>
      <c r="C209" s="284" t="s">
        <v>999</v>
      </c>
      <c r="D209" s="285"/>
      <c r="E209" s="285"/>
      <c r="F209" s="285"/>
      <c r="G209" s="285"/>
      <c r="H209" s="285"/>
      <c r="I209" s="286"/>
    </row>
    <row r="210" spans="2:9" x14ac:dyDescent="0.25">
      <c r="B210" s="26"/>
      <c r="C210" s="284" t="s">
        <v>787</v>
      </c>
      <c r="D210" s="285"/>
      <c r="E210" s="285"/>
      <c r="F210" s="285"/>
      <c r="G210" s="285"/>
      <c r="H210" s="285"/>
      <c r="I210" s="286"/>
    </row>
    <row r="211" spans="2:9" x14ac:dyDescent="0.25">
      <c r="B211" s="26"/>
      <c r="C211" s="284" t="s">
        <v>1000</v>
      </c>
      <c r="D211" s="285"/>
      <c r="E211" s="285"/>
      <c r="F211" s="285"/>
      <c r="G211" s="285"/>
      <c r="H211" s="285"/>
      <c r="I211" s="286"/>
    </row>
    <row r="212" spans="2:9" x14ac:dyDescent="0.25">
      <c r="B212" s="26"/>
      <c r="C212" s="284" t="s">
        <v>1001</v>
      </c>
      <c r="D212" s="285"/>
      <c r="E212" s="285"/>
      <c r="F212" s="285"/>
      <c r="G212" s="285"/>
      <c r="H212" s="285"/>
      <c r="I212" s="286"/>
    </row>
    <row r="213" spans="2:9" x14ac:dyDescent="0.25">
      <c r="B213" s="26"/>
      <c r="C213" s="284" t="s">
        <v>1002</v>
      </c>
      <c r="D213" s="285"/>
      <c r="E213" s="285"/>
      <c r="F213" s="285"/>
      <c r="G213" s="285"/>
      <c r="H213" s="285"/>
      <c r="I213" s="286"/>
    </row>
    <row r="214" spans="2:9" x14ac:dyDescent="0.25">
      <c r="B214" s="26"/>
      <c r="C214" s="284" t="s">
        <v>1003</v>
      </c>
      <c r="D214" s="285"/>
      <c r="E214" s="285"/>
      <c r="F214" s="285"/>
      <c r="G214" s="285"/>
      <c r="H214" s="285"/>
      <c r="I214" s="286"/>
    </row>
  </sheetData>
  <sheetProtection password="F113" sheet="1" objects="1" scenarios="1"/>
  <customSheetViews>
    <customSheetView guid="{EC814CE1-0F1E-4212-A340-F06F8C30AE5D}" topLeftCell="A25">
      <selection activeCell="K41" sqref="K41"/>
      <pageMargins left="0.7" right="0.7" top="0.75" bottom="0.75" header="0.3" footer="0.3"/>
      <pageSetup paperSize="9" orientation="portrait" horizontalDpi="300" verticalDpi="300" r:id="rId1"/>
    </customSheetView>
    <customSheetView guid="{A251BD93-D9C7-4F55-9631-01CAEE64168F}" topLeftCell="A25">
      <selection activeCell="K41" sqref="K41"/>
      <pageMargins left="0.7" right="0.7" top="0.75" bottom="0.75" header="0.3" footer="0.3"/>
      <pageSetup paperSize="9" orientation="portrait" horizontalDpi="300" verticalDpi="300" r:id="rId2"/>
    </customSheetView>
  </customSheetViews>
  <mergeCells count="222">
    <mergeCell ref="C78:I78"/>
    <mergeCell ref="C79:I79"/>
    <mergeCell ref="B104:I104"/>
    <mergeCell ref="C52:I52"/>
    <mergeCell ref="C53:I53"/>
    <mergeCell ref="B50:I50"/>
    <mergeCell ref="C59:I59"/>
    <mergeCell ref="C60:I60"/>
    <mergeCell ref="C122:I122"/>
    <mergeCell ref="C85:I85"/>
    <mergeCell ref="C86:I86"/>
    <mergeCell ref="C87:I87"/>
    <mergeCell ref="C88:I88"/>
    <mergeCell ref="C89:I89"/>
    <mergeCell ref="C90:I90"/>
    <mergeCell ref="C91:I91"/>
    <mergeCell ref="C92:I92"/>
    <mergeCell ref="C103:I103"/>
    <mergeCell ref="C102:I102"/>
    <mergeCell ref="C97:I97"/>
    <mergeCell ref="C98:I98"/>
    <mergeCell ref="C99:I99"/>
    <mergeCell ref="C100:I100"/>
    <mergeCell ref="C101:I101"/>
    <mergeCell ref="C151:I151"/>
    <mergeCell ref="B147:I147"/>
    <mergeCell ref="B148:I148"/>
    <mergeCell ref="C149:I149"/>
    <mergeCell ref="C128:I128"/>
    <mergeCell ref="C129:I129"/>
    <mergeCell ref="C71:I71"/>
    <mergeCell ref="C72:I72"/>
    <mergeCell ref="C73:I73"/>
    <mergeCell ref="C74:I74"/>
    <mergeCell ref="C80:I80"/>
    <mergeCell ref="B93:I93"/>
    <mergeCell ref="B94:I94"/>
    <mergeCell ref="C95:I95"/>
    <mergeCell ref="C96:I96"/>
    <mergeCell ref="C75:I75"/>
    <mergeCell ref="C76:I76"/>
    <mergeCell ref="C77:I77"/>
    <mergeCell ref="B105:I105"/>
    <mergeCell ref="C106:I106"/>
    <mergeCell ref="C81:I81"/>
    <mergeCell ref="C82:I82"/>
    <mergeCell ref="C83:I83"/>
    <mergeCell ref="C84:I84"/>
    <mergeCell ref="B2:I2"/>
    <mergeCell ref="B20:I20"/>
    <mergeCell ref="C31:I31"/>
    <mergeCell ref="B49:I49"/>
    <mergeCell ref="C37:I37"/>
    <mergeCell ref="B38:I38"/>
    <mergeCell ref="B39:I39"/>
    <mergeCell ref="C40:I40"/>
    <mergeCell ref="C13:I13"/>
    <mergeCell ref="C14:I14"/>
    <mergeCell ref="C15:I15"/>
    <mergeCell ref="C16:I16"/>
    <mergeCell ref="B32:I32"/>
    <mergeCell ref="B33:I33"/>
    <mergeCell ref="C34:I34"/>
    <mergeCell ref="C35:I35"/>
    <mergeCell ref="C41:I41"/>
    <mergeCell ref="B46:I46"/>
    <mergeCell ref="B47:I47"/>
    <mergeCell ref="C48:I48"/>
    <mergeCell ref="C36:I36"/>
    <mergeCell ref="C42:I42"/>
    <mergeCell ref="C43:I43"/>
    <mergeCell ref="C44:I44"/>
    <mergeCell ref="C45:I45"/>
    <mergeCell ref="C17:I17"/>
    <mergeCell ref="C18:I18"/>
    <mergeCell ref="C19:I19"/>
    <mergeCell ref="C70:I70"/>
    <mergeCell ref="B65:I65"/>
    <mergeCell ref="B66:I66"/>
    <mergeCell ref="C67:I67"/>
    <mergeCell ref="C68:I68"/>
    <mergeCell ref="C69:I69"/>
    <mergeCell ref="B55:I55"/>
    <mergeCell ref="C56:I56"/>
    <mergeCell ref="C57:I57"/>
    <mergeCell ref="C61:I61"/>
    <mergeCell ref="C62:I62"/>
    <mergeCell ref="C63:I63"/>
    <mergeCell ref="C64:I64"/>
    <mergeCell ref="C58:I58"/>
    <mergeCell ref="B54:I54"/>
    <mergeCell ref="C51:I51"/>
    <mergeCell ref="C130:I130"/>
    <mergeCell ref="C131:I131"/>
    <mergeCell ref="C107:I107"/>
    <mergeCell ref="C108:I108"/>
    <mergeCell ref="C109:I109"/>
    <mergeCell ref="C110:I110"/>
    <mergeCell ref="C111:I111"/>
    <mergeCell ref="B137:I137"/>
    <mergeCell ref="B138:I138"/>
    <mergeCell ref="C117:I117"/>
    <mergeCell ref="C114:I114"/>
    <mergeCell ref="C115:I115"/>
    <mergeCell ref="C116:I116"/>
    <mergeCell ref="B112:I112"/>
    <mergeCell ref="B113:I113"/>
    <mergeCell ref="C132:I132"/>
    <mergeCell ref="C123:I123"/>
    <mergeCell ref="C124:I124"/>
    <mergeCell ref="C125:I125"/>
    <mergeCell ref="C126:I126"/>
    <mergeCell ref="C127:I127"/>
    <mergeCell ref="B118:I118"/>
    <mergeCell ref="C120:I120"/>
    <mergeCell ref="C121:I121"/>
    <mergeCell ref="C139:I139"/>
    <mergeCell ref="C140:I140"/>
    <mergeCell ref="C141:I141"/>
    <mergeCell ref="C142:I142"/>
    <mergeCell ref="C133:I133"/>
    <mergeCell ref="C134:I134"/>
    <mergeCell ref="C135:I135"/>
    <mergeCell ref="C136:I136"/>
    <mergeCell ref="B206:I206"/>
    <mergeCell ref="C196:I196"/>
    <mergeCell ref="B197:I197"/>
    <mergeCell ref="C199:I199"/>
    <mergeCell ref="C200:I200"/>
    <mergeCell ref="C201:I201"/>
    <mergeCell ref="C202:I202"/>
    <mergeCell ref="C170:I170"/>
    <mergeCell ref="C171:I171"/>
    <mergeCell ref="B152:I152"/>
    <mergeCell ref="B153:I153"/>
    <mergeCell ref="C154:I154"/>
    <mergeCell ref="C155:I155"/>
    <mergeCell ref="C156:I156"/>
    <mergeCell ref="C190:I190"/>
    <mergeCell ref="C194:I194"/>
    <mergeCell ref="C178:I178"/>
    <mergeCell ref="C179:I179"/>
    <mergeCell ref="C192:I192"/>
    <mergeCell ref="C191:I191"/>
    <mergeCell ref="C181:I181"/>
    <mergeCell ref="C180:I180"/>
    <mergeCell ref="C182:I182"/>
    <mergeCell ref="C183:I183"/>
    <mergeCell ref="C184:I184"/>
    <mergeCell ref="C185:I185"/>
    <mergeCell ref="C176:I176"/>
    <mergeCell ref="B169:I169"/>
    <mergeCell ref="C214:I214"/>
    <mergeCell ref="B158:I158"/>
    <mergeCell ref="B159:I159"/>
    <mergeCell ref="C160:I160"/>
    <mergeCell ref="C161:I161"/>
    <mergeCell ref="C162:I162"/>
    <mergeCell ref="C163:I163"/>
    <mergeCell ref="C164:I164"/>
    <mergeCell ref="C165:I165"/>
    <mergeCell ref="C166:I166"/>
    <mergeCell ref="C167:I167"/>
    <mergeCell ref="C209:I209"/>
    <mergeCell ref="C210:I210"/>
    <mergeCell ref="C211:I211"/>
    <mergeCell ref="C212:I212"/>
    <mergeCell ref="C213:I213"/>
    <mergeCell ref="C186:I186"/>
    <mergeCell ref="C208:I208"/>
    <mergeCell ref="C195:I195"/>
    <mergeCell ref="C205:I205"/>
    <mergeCell ref="C193:I193"/>
    <mergeCell ref="C177:I177"/>
    <mergeCell ref="O51:T51"/>
    <mergeCell ref="O52:U57"/>
    <mergeCell ref="N52:N56"/>
    <mergeCell ref="O62:T62"/>
    <mergeCell ref="O60:U60"/>
    <mergeCell ref="O61:U61"/>
    <mergeCell ref="O63:U63"/>
    <mergeCell ref="C203:I203"/>
    <mergeCell ref="C204:I204"/>
    <mergeCell ref="C187:I187"/>
    <mergeCell ref="C188:I188"/>
    <mergeCell ref="C189:I189"/>
    <mergeCell ref="C172:I172"/>
    <mergeCell ref="C173:I173"/>
    <mergeCell ref="C174:I174"/>
    <mergeCell ref="C175:I175"/>
    <mergeCell ref="C157:I157"/>
    <mergeCell ref="B168:I168"/>
    <mergeCell ref="C150:I150"/>
    <mergeCell ref="C146:I146"/>
    <mergeCell ref="C143:I143"/>
    <mergeCell ref="C144:I144"/>
    <mergeCell ref="B119:I119"/>
    <mergeCell ref="C145:I145"/>
    <mergeCell ref="O64:U64"/>
    <mergeCell ref="O50:U50"/>
    <mergeCell ref="N48:U48"/>
    <mergeCell ref="N49:U49"/>
    <mergeCell ref="O82:U82"/>
    <mergeCell ref="O67:U67"/>
    <mergeCell ref="O68:U68"/>
    <mergeCell ref="O69:U69"/>
    <mergeCell ref="O70:U70"/>
    <mergeCell ref="O71:U71"/>
    <mergeCell ref="O72:U72"/>
    <mergeCell ref="O73:U73"/>
    <mergeCell ref="O74:U74"/>
    <mergeCell ref="O65:T65"/>
    <mergeCell ref="O66:T66"/>
    <mergeCell ref="O75:U75"/>
    <mergeCell ref="O76:U76"/>
    <mergeCell ref="O77:U77"/>
    <mergeCell ref="O78:U78"/>
    <mergeCell ref="O79:U79"/>
    <mergeCell ref="O80:U80"/>
    <mergeCell ref="O81:U81"/>
    <mergeCell ref="O58:U59"/>
    <mergeCell ref="N58:N59"/>
  </mergeCells>
  <pageMargins left="0.7" right="0.7" top="0.75" bottom="0.75" header="0.3" footer="0.3"/>
  <pageSetup paperSize="9" orientation="portrait" horizontalDpi="300" verticalDpi="300"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pageSetUpPr fitToPage="1"/>
  </sheetPr>
  <dimension ref="B1:L562"/>
  <sheetViews>
    <sheetView topLeftCell="A547" workbookViewId="0">
      <selection activeCell="F565" sqref="F565"/>
    </sheetView>
  </sheetViews>
  <sheetFormatPr defaultRowHeight="15" x14ac:dyDescent="0.25"/>
  <cols>
    <col min="1" max="5" width="9.140625" customWidth="1"/>
    <col min="6" max="6" width="7" customWidth="1"/>
    <col min="7" max="7" width="56.85546875" hidden="1" customWidth="1"/>
    <col min="8" max="8" width="15.5703125" customWidth="1"/>
    <col min="9" max="9" width="17.5703125" customWidth="1"/>
    <col min="14" max="14" width="15.7109375" customWidth="1"/>
  </cols>
  <sheetData>
    <row r="1" spans="2:9" ht="15.75" thickBot="1" x14ac:dyDescent="0.3">
      <c r="B1" s="253" t="s">
        <v>1180</v>
      </c>
      <c r="C1" s="254"/>
      <c r="D1" s="254"/>
      <c r="E1" s="254"/>
      <c r="F1" s="254"/>
      <c r="G1" s="254"/>
      <c r="H1" s="254"/>
      <c r="I1" s="255"/>
    </row>
    <row r="2" spans="2:9" ht="15.75" thickBot="1" x14ac:dyDescent="0.3">
      <c r="B2" s="311" t="s">
        <v>1226</v>
      </c>
      <c r="C2" s="257"/>
      <c r="D2" s="257"/>
      <c r="E2" s="257"/>
      <c r="F2" s="257"/>
      <c r="G2" s="257"/>
      <c r="H2" s="257"/>
      <c r="I2" s="258"/>
    </row>
    <row r="3" spans="2:9" ht="15.75" thickBot="1" x14ac:dyDescent="0.3">
      <c r="B3" s="338" t="s">
        <v>1181</v>
      </c>
      <c r="C3" s="339"/>
      <c r="D3" s="339"/>
      <c r="E3" s="339"/>
      <c r="F3" s="339"/>
      <c r="G3" s="339"/>
      <c r="H3" s="339"/>
      <c r="I3" s="340"/>
    </row>
    <row r="4" spans="2:9" x14ac:dyDescent="0.25">
      <c r="B4" s="341" t="s">
        <v>1227</v>
      </c>
      <c r="C4" s="342"/>
      <c r="D4" s="342"/>
      <c r="E4" s="342"/>
      <c r="F4" s="342"/>
      <c r="G4" s="342"/>
      <c r="H4" s="342"/>
      <c r="I4" s="343"/>
    </row>
    <row r="5" spans="2:9" x14ac:dyDescent="0.25">
      <c r="B5" s="344"/>
      <c r="C5" s="345"/>
      <c r="D5" s="345"/>
      <c r="E5" s="345"/>
      <c r="F5" s="345"/>
      <c r="G5" s="345"/>
      <c r="H5" s="345"/>
      <c r="I5" s="346"/>
    </row>
    <row r="6" spans="2:9" x14ac:dyDescent="0.25">
      <c r="B6" s="344"/>
      <c r="C6" s="345"/>
      <c r="D6" s="345"/>
      <c r="E6" s="345"/>
      <c r="F6" s="345"/>
      <c r="G6" s="345"/>
      <c r="H6" s="345"/>
      <c r="I6" s="346"/>
    </row>
    <row r="7" spans="2:9" x14ac:dyDescent="0.25">
      <c r="B7" s="344"/>
      <c r="C7" s="345"/>
      <c r="D7" s="345"/>
      <c r="E7" s="345"/>
      <c r="F7" s="345"/>
      <c r="G7" s="345"/>
      <c r="H7" s="345"/>
      <c r="I7" s="346"/>
    </row>
    <row r="8" spans="2:9" x14ac:dyDescent="0.25">
      <c r="B8" s="344"/>
      <c r="C8" s="345"/>
      <c r="D8" s="345"/>
      <c r="E8" s="345"/>
      <c r="F8" s="345"/>
      <c r="G8" s="345"/>
      <c r="H8" s="345"/>
      <c r="I8" s="346"/>
    </row>
    <row r="9" spans="2:9" x14ac:dyDescent="0.25">
      <c r="B9" s="344"/>
      <c r="C9" s="345"/>
      <c r="D9" s="345"/>
      <c r="E9" s="345"/>
      <c r="F9" s="345"/>
      <c r="G9" s="345"/>
      <c r="H9" s="345"/>
      <c r="I9" s="346"/>
    </row>
    <row r="10" spans="2:9" x14ac:dyDescent="0.25">
      <c r="B10" s="344"/>
      <c r="C10" s="345"/>
      <c r="D10" s="345"/>
      <c r="E10" s="345"/>
      <c r="F10" s="345"/>
      <c r="G10" s="345"/>
      <c r="H10" s="345"/>
      <c r="I10" s="346"/>
    </row>
    <row r="11" spans="2:9" x14ac:dyDescent="0.25">
      <c r="B11" s="344"/>
      <c r="C11" s="345"/>
      <c r="D11" s="345"/>
      <c r="E11" s="345"/>
      <c r="F11" s="345"/>
      <c r="G11" s="345"/>
      <c r="H11" s="345"/>
      <c r="I11" s="346"/>
    </row>
    <row r="12" spans="2:9" x14ac:dyDescent="0.25">
      <c r="B12" s="344"/>
      <c r="C12" s="345"/>
      <c r="D12" s="345"/>
      <c r="E12" s="345"/>
      <c r="F12" s="345"/>
      <c r="G12" s="345"/>
      <c r="H12" s="345"/>
      <c r="I12" s="346"/>
    </row>
    <row r="13" spans="2:9" ht="4.5" customHeight="1" thickBot="1" x14ac:dyDescent="0.3">
      <c r="B13" s="344"/>
      <c r="C13" s="345"/>
      <c r="D13" s="345"/>
      <c r="E13" s="345"/>
      <c r="F13" s="345"/>
      <c r="G13" s="345"/>
      <c r="H13" s="345"/>
      <c r="I13" s="346"/>
    </row>
    <row r="14" spans="2:9" ht="15.75" hidden="1" thickBot="1" x14ac:dyDescent="0.3">
      <c r="B14" s="347"/>
      <c r="C14" s="348"/>
      <c r="D14" s="348"/>
      <c r="E14" s="348"/>
      <c r="F14" s="348"/>
      <c r="G14" s="348"/>
      <c r="H14" s="348"/>
      <c r="I14" s="349"/>
    </row>
    <row r="15" spans="2:9" x14ac:dyDescent="0.25">
      <c r="B15" s="329" t="s">
        <v>1228</v>
      </c>
      <c r="C15" s="330"/>
      <c r="D15" s="330"/>
      <c r="E15" s="330"/>
      <c r="F15" s="330"/>
      <c r="G15" s="330"/>
      <c r="H15" s="330"/>
      <c r="I15" s="331"/>
    </row>
    <row r="16" spans="2:9" x14ac:dyDescent="0.25">
      <c r="B16" s="332"/>
      <c r="C16" s="333"/>
      <c r="D16" s="333"/>
      <c r="E16" s="333"/>
      <c r="F16" s="333"/>
      <c r="G16" s="333"/>
      <c r="H16" s="333"/>
      <c r="I16" s="334"/>
    </row>
    <row r="17" spans="2:9" x14ac:dyDescent="0.25">
      <c r="B17" s="332"/>
      <c r="C17" s="333"/>
      <c r="D17" s="333"/>
      <c r="E17" s="333"/>
      <c r="F17" s="333"/>
      <c r="G17" s="333"/>
      <c r="H17" s="333"/>
      <c r="I17" s="334"/>
    </row>
    <row r="18" spans="2:9" ht="15.75" thickBot="1" x14ac:dyDescent="0.3">
      <c r="B18" s="332"/>
      <c r="C18" s="333"/>
      <c r="D18" s="333"/>
      <c r="E18" s="333"/>
      <c r="F18" s="333"/>
      <c r="G18" s="333"/>
      <c r="H18" s="333"/>
      <c r="I18" s="334"/>
    </row>
    <row r="19" spans="2:9" x14ac:dyDescent="0.25">
      <c r="B19" s="329" t="s">
        <v>1229</v>
      </c>
      <c r="C19" s="330"/>
      <c r="D19" s="330"/>
      <c r="E19" s="330"/>
      <c r="F19" s="330"/>
      <c r="G19" s="330"/>
      <c r="H19" s="330"/>
      <c r="I19" s="331"/>
    </row>
    <row r="20" spans="2:9" ht="15.75" thickBot="1" x14ac:dyDescent="0.3">
      <c r="B20" s="335"/>
      <c r="C20" s="336"/>
      <c r="D20" s="336"/>
      <c r="E20" s="336"/>
      <c r="F20" s="336"/>
      <c r="G20" s="336"/>
      <c r="H20" s="336"/>
      <c r="I20" s="337"/>
    </row>
    <row r="21" spans="2:9" x14ac:dyDescent="0.25">
      <c r="B21" s="329" t="s">
        <v>1230</v>
      </c>
      <c r="C21" s="330"/>
      <c r="D21" s="330"/>
      <c r="E21" s="330"/>
      <c r="F21" s="330"/>
      <c r="G21" s="330"/>
      <c r="H21" s="330"/>
      <c r="I21" s="331"/>
    </row>
    <row r="22" spans="2:9" ht="15.75" thickBot="1" x14ac:dyDescent="0.3">
      <c r="B22" s="335"/>
      <c r="C22" s="336"/>
      <c r="D22" s="336"/>
      <c r="E22" s="336"/>
      <c r="F22" s="336"/>
      <c r="G22" s="336"/>
      <c r="H22" s="336"/>
      <c r="I22" s="337"/>
    </row>
    <row r="23" spans="2:9" x14ac:dyDescent="0.25">
      <c r="B23" s="356" t="s">
        <v>1231</v>
      </c>
      <c r="C23" s="357"/>
      <c r="D23" s="357"/>
      <c r="E23" s="357"/>
      <c r="F23" s="357"/>
      <c r="G23" s="357"/>
      <c r="H23" s="357"/>
      <c r="I23" s="358"/>
    </row>
    <row r="24" spans="2:9" x14ac:dyDescent="0.25">
      <c r="B24" s="359" t="s">
        <v>1184</v>
      </c>
      <c r="C24" s="360"/>
      <c r="D24" s="360"/>
      <c r="E24" s="360"/>
      <c r="F24" s="360"/>
      <c r="G24" s="360"/>
      <c r="H24" s="360"/>
      <c r="I24" s="361"/>
    </row>
    <row r="25" spans="2:9" x14ac:dyDescent="0.25">
      <c r="B25" s="268" t="s">
        <v>1232</v>
      </c>
      <c r="C25" s="269"/>
      <c r="D25" s="269"/>
      <c r="E25" s="269"/>
      <c r="F25" s="269"/>
      <c r="G25" s="269"/>
      <c r="H25" s="269"/>
      <c r="I25" s="270"/>
    </row>
    <row r="26" spans="2:9" x14ac:dyDescent="0.25">
      <c r="B26" s="271"/>
      <c r="C26" s="272"/>
      <c r="D26" s="272"/>
      <c r="E26" s="272"/>
      <c r="F26" s="272"/>
      <c r="G26" s="272"/>
      <c r="H26" s="272"/>
      <c r="I26" s="273"/>
    </row>
    <row r="27" spans="2:9" x14ac:dyDescent="0.25">
      <c r="B27" s="268" t="s">
        <v>1233</v>
      </c>
      <c r="C27" s="269"/>
      <c r="D27" s="269"/>
      <c r="E27" s="269"/>
      <c r="F27" s="269"/>
      <c r="G27" s="269"/>
      <c r="H27" s="269"/>
      <c r="I27" s="270"/>
    </row>
    <row r="28" spans="2:9" x14ac:dyDescent="0.25">
      <c r="B28" s="271"/>
      <c r="C28" s="272"/>
      <c r="D28" s="272"/>
      <c r="E28" s="272"/>
      <c r="F28" s="272"/>
      <c r="G28" s="272"/>
      <c r="H28" s="272"/>
      <c r="I28" s="273"/>
    </row>
    <row r="29" spans="2:9" x14ac:dyDescent="0.25">
      <c r="B29" s="350" t="s">
        <v>1187</v>
      </c>
      <c r="C29" s="351"/>
      <c r="D29" s="351"/>
      <c r="E29" s="351"/>
      <c r="F29" s="351"/>
      <c r="G29" s="351"/>
      <c r="H29" s="351"/>
      <c r="I29" s="352"/>
    </row>
    <row r="30" spans="2:9" x14ac:dyDescent="0.25">
      <c r="B30" s="350" t="s">
        <v>1188</v>
      </c>
      <c r="C30" s="351"/>
      <c r="D30" s="351"/>
      <c r="E30" s="351"/>
      <c r="F30" s="351"/>
      <c r="G30" s="351"/>
      <c r="H30" s="351"/>
      <c r="I30" s="352"/>
    </row>
    <row r="31" spans="2:9" x14ac:dyDescent="0.25">
      <c r="B31" s="350" t="s">
        <v>1189</v>
      </c>
      <c r="C31" s="351"/>
      <c r="D31" s="351"/>
      <c r="E31" s="351"/>
      <c r="F31" s="351"/>
      <c r="G31" s="351"/>
      <c r="H31" s="351"/>
      <c r="I31" s="352"/>
    </row>
    <row r="32" spans="2:9" x14ac:dyDescent="0.25">
      <c r="B32" s="350" t="s">
        <v>1190</v>
      </c>
      <c r="C32" s="351"/>
      <c r="D32" s="351"/>
      <c r="E32" s="351"/>
      <c r="F32" s="351"/>
      <c r="G32" s="351"/>
      <c r="H32" s="351"/>
      <c r="I32" s="352"/>
    </row>
    <row r="33" spans="2:9" x14ac:dyDescent="0.25">
      <c r="B33" s="350" t="s">
        <v>1234</v>
      </c>
      <c r="C33" s="351"/>
      <c r="D33" s="351"/>
      <c r="E33" s="351"/>
      <c r="F33" s="351"/>
      <c r="G33" s="351"/>
      <c r="H33" s="351"/>
      <c r="I33" s="352"/>
    </row>
    <row r="34" spans="2:9" x14ac:dyDescent="0.25">
      <c r="B34" s="350" t="s">
        <v>1235</v>
      </c>
      <c r="C34" s="351"/>
      <c r="D34" s="351"/>
      <c r="E34" s="351"/>
      <c r="F34" s="351"/>
      <c r="G34" s="351"/>
      <c r="H34" s="351"/>
      <c r="I34" s="352"/>
    </row>
    <row r="35" spans="2:9" ht="15.75" thickBot="1" x14ac:dyDescent="0.3">
      <c r="B35" s="353" t="s">
        <v>1193</v>
      </c>
      <c r="C35" s="354"/>
      <c r="D35" s="354"/>
      <c r="E35" s="354"/>
      <c r="F35" s="354"/>
      <c r="G35" s="354"/>
      <c r="H35" s="354"/>
      <c r="I35" s="355"/>
    </row>
    <row r="36" spans="2:9" x14ac:dyDescent="0.25">
      <c r="B36" s="338" t="s">
        <v>1236</v>
      </c>
      <c r="C36" s="339"/>
      <c r="D36" s="339"/>
      <c r="E36" s="339"/>
      <c r="F36" s="339"/>
      <c r="G36" s="339"/>
      <c r="H36" s="339"/>
      <c r="I36" s="340"/>
    </row>
    <row r="37" spans="2:9" x14ac:dyDescent="0.25">
      <c r="B37" s="268" t="s">
        <v>1237</v>
      </c>
      <c r="C37" s="269"/>
      <c r="D37" s="269"/>
      <c r="E37" s="269"/>
      <c r="F37" s="269"/>
      <c r="G37" s="269"/>
      <c r="H37" s="269"/>
      <c r="I37" s="270"/>
    </row>
    <row r="38" spans="2:9" ht="15.75" thickBot="1" x14ac:dyDescent="0.3">
      <c r="B38" s="332"/>
      <c r="C38" s="333"/>
      <c r="D38" s="333"/>
      <c r="E38" s="333"/>
      <c r="F38" s="333"/>
      <c r="G38" s="333"/>
      <c r="H38" s="333"/>
      <c r="I38" s="337"/>
    </row>
    <row r="39" spans="2:9" ht="15.75" thickBot="1" x14ac:dyDescent="0.3">
      <c r="B39" s="183" t="s">
        <v>1196</v>
      </c>
      <c r="C39" s="184"/>
      <c r="D39" s="184"/>
      <c r="E39" s="184"/>
      <c r="F39" s="184"/>
      <c r="G39" s="184"/>
      <c r="H39" s="184"/>
      <c r="I39" s="185"/>
    </row>
    <row r="40" spans="2:9" x14ac:dyDescent="0.25">
      <c r="B40" s="329" t="s">
        <v>1238</v>
      </c>
      <c r="C40" s="330"/>
      <c r="D40" s="330"/>
      <c r="E40" s="330"/>
      <c r="F40" s="330"/>
      <c r="G40" s="330"/>
      <c r="H40" s="330"/>
      <c r="I40" s="331"/>
    </row>
    <row r="41" spans="2:9" x14ac:dyDescent="0.25">
      <c r="B41" s="332"/>
      <c r="C41" s="333"/>
      <c r="D41" s="333"/>
      <c r="E41" s="333"/>
      <c r="F41" s="333"/>
      <c r="G41" s="333"/>
      <c r="H41" s="333"/>
      <c r="I41" s="334"/>
    </row>
    <row r="42" spans="2:9" ht="15.75" thickBot="1" x14ac:dyDescent="0.3">
      <c r="B42" s="335"/>
      <c r="C42" s="336"/>
      <c r="D42" s="336"/>
      <c r="E42" s="336"/>
      <c r="F42" s="336"/>
      <c r="G42" s="336"/>
      <c r="H42" s="336"/>
      <c r="I42" s="337"/>
    </row>
    <row r="43" spans="2:9" ht="15" customHeight="1" x14ac:dyDescent="0.25">
      <c r="B43" s="329" t="s">
        <v>1239</v>
      </c>
      <c r="C43" s="330"/>
      <c r="D43" s="330"/>
      <c r="E43" s="330"/>
      <c r="F43" s="330"/>
      <c r="G43" s="330"/>
      <c r="H43" s="330"/>
      <c r="I43" s="331"/>
    </row>
    <row r="44" spans="2:9" x14ac:dyDescent="0.25">
      <c r="B44" s="332"/>
      <c r="C44" s="333"/>
      <c r="D44" s="333"/>
      <c r="E44" s="333"/>
      <c r="F44" s="333"/>
      <c r="G44" s="333"/>
      <c r="H44" s="333"/>
      <c r="I44" s="334"/>
    </row>
    <row r="45" spans="2:9" ht="15.75" thickBot="1" x14ac:dyDescent="0.3">
      <c r="B45" s="335"/>
      <c r="C45" s="336"/>
      <c r="D45" s="336"/>
      <c r="E45" s="336"/>
      <c r="F45" s="336"/>
      <c r="G45" s="336"/>
      <c r="H45" s="336"/>
      <c r="I45" s="337"/>
    </row>
    <row r="46" spans="2:9" ht="15.75" thickBot="1" x14ac:dyDescent="0.3"/>
    <row r="47" spans="2:9" ht="15.75" thickBot="1" x14ac:dyDescent="0.3">
      <c r="B47" s="253" t="s">
        <v>1308</v>
      </c>
      <c r="C47" s="254"/>
      <c r="D47" s="254"/>
      <c r="E47" s="254"/>
      <c r="F47" s="254"/>
      <c r="G47" s="254"/>
      <c r="H47" s="254"/>
      <c r="I47" s="255"/>
    </row>
    <row r="48" spans="2:9" ht="15.75" thickBot="1" x14ac:dyDescent="0.3">
      <c r="B48" s="311" t="s">
        <v>1309</v>
      </c>
      <c r="C48" s="257"/>
      <c r="D48" s="257"/>
      <c r="E48" s="257"/>
      <c r="F48" s="257"/>
      <c r="G48" s="257"/>
      <c r="H48" s="257"/>
      <c r="I48" s="258"/>
    </row>
    <row r="49" spans="2:9" x14ac:dyDescent="0.25">
      <c r="B49" s="13"/>
      <c r="C49" s="189" t="s">
        <v>1310</v>
      </c>
      <c r="D49" s="190"/>
      <c r="E49" s="190"/>
      <c r="F49" s="190"/>
      <c r="G49" s="190"/>
      <c r="H49" s="190"/>
      <c r="I49" s="191"/>
    </row>
    <row r="50" spans="2:9" x14ac:dyDescent="0.25">
      <c r="B50" s="8"/>
      <c r="C50" s="186" t="s">
        <v>1311</v>
      </c>
      <c r="D50" s="187"/>
      <c r="E50" s="187"/>
      <c r="F50" s="187"/>
      <c r="G50" s="187"/>
      <c r="H50" s="187"/>
      <c r="I50" s="188"/>
    </row>
    <row r="51" spans="2:9" x14ac:dyDescent="0.25">
      <c r="B51" s="8"/>
      <c r="C51" s="186" t="s">
        <v>1312</v>
      </c>
      <c r="D51" s="187"/>
      <c r="E51" s="187"/>
      <c r="F51" s="187"/>
      <c r="G51" s="187"/>
      <c r="H51" s="187"/>
      <c r="I51" s="188"/>
    </row>
    <row r="52" spans="2:9" x14ac:dyDescent="0.25">
      <c r="B52" s="8"/>
      <c r="C52" s="186" t="s">
        <v>1313</v>
      </c>
      <c r="D52" s="187"/>
      <c r="E52" s="187"/>
      <c r="F52" s="187"/>
      <c r="G52" s="187"/>
      <c r="H52" s="187"/>
      <c r="I52" s="188"/>
    </row>
    <row r="53" spans="2:9" x14ac:dyDescent="0.25">
      <c r="B53" s="8"/>
      <c r="C53" s="186" t="s">
        <v>1314</v>
      </c>
      <c r="D53" s="187"/>
      <c r="E53" s="187"/>
      <c r="F53" s="187"/>
      <c r="G53" s="187"/>
      <c r="H53" s="187"/>
      <c r="I53" s="188"/>
    </row>
    <row r="54" spans="2:9" x14ac:dyDescent="0.25">
      <c r="B54" s="8"/>
      <c r="C54" s="186" t="s">
        <v>1315</v>
      </c>
      <c r="D54" s="187"/>
      <c r="E54" s="187"/>
      <c r="F54" s="187"/>
      <c r="G54" s="187"/>
      <c r="H54" s="187"/>
      <c r="I54" s="188"/>
    </row>
    <row r="55" spans="2:9" x14ac:dyDescent="0.25">
      <c r="B55" s="8"/>
      <c r="C55" s="186" t="s">
        <v>1316</v>
      </c>
      <c r="D55" s="187"/>
      <c r="E55" s="187"/>
      <c r="F55" s="187"/>
      <c r="G55" s="187"/>
      <c r="H55" s="187"/>
      <c r="I55" s="188"/>
    </row>
    <row r="56" spans="2:9" x14ac:dyDescent="0.25">
      <c r="B56" s="8"/>
      <c r="C56" s="186" t="s">
        <v>1317</v>
      </c>
      <c r="D56" s="187"/>
      <c r="E56" s="187"/>
      <c r="F56" s="187"/>
      <c r="G56" s="187"/>
      <c r="H56" s="187"/>
      <c r="I56" s="188"/>
    </row>
    <row r="57" spans="2:9" x14ac:dyDescent="0.25">
      <c r="B57" s="8"/>
      <c r="C57" s="186" t="s">
        <v>1318</v>
      </c>
      <c r="D57" s="187"/>
      <c r="E57" s="187"/>
      <c r="F57" s="187"/>
      <c r="G57" s="187"/>
      <c r="H57" s="187"/>
      <c r="I57" s="188"/>
    </row>
    <row r="58" spans="2:9" x14ac:dyDescent="0.25">
      <c r="B58" s="8"/>
      <c r="C58" s="186" t="s">
        <v>1319</v>
      </c>
      <c r="D58" s="187"/>
      <c r="E58" s="187"/>
      <c r="F58" s="187"/>
      <c r="G58" s="187"/>
      <c r="H58" s="187"/>
      <c r="I58" s="188"/>
    </row>
    <row r="59" spans="2:9" x14ac:dyDescent="0.25">
      <c r="B59" s="8"/>
      <c r="C59" s="186" t="s">
        <v>1185</v>
      </c>
      <c r="D59" s="187"/>
      <c r="E59" s="187"/>
      <c r="F59" s="187"/>
      <c r="G59" s="187"/>
      <c r="H59" s="187"/>
      <c r="I59" s="188"/>
    </row>
    <row r="60" spans="2:9" x14ac:dyDescent="0.25">
      <c r="B60" s="8"/>
      <c r="C60" s="186" t="s">
        <v>1320</v>
      </c>
      <c r="D60" s="187"/>
      <c r="E60" s="187"/>
      <c r="F60" s="187"/>
      <c r="G60" s="187"/>
      <c r="H60" s="187"/>
      <c r="I60" s="188"/>
    </row>
    <row r="61" spans="2:9" x14ac:dyDescent="0.25">
      <c r="B61" s="8"/>
      <c r="C61" s="186" t="s">
        <v>1321</v>
      </c>
      <c r="D61" s="187"/>
      <c r="E61" s="187"/>
      <c r="F61" s="187"/>
      <c r="G61" s="187"/>
      <c r="H61" s="187"/>
      <c r="I61" s="188"/>
    </row>
    <row r="62" spans="2:9" ht="15.75" thickBot="1" x14ac:dyDescent="0.3">
      <c r="B62" s="45"/>
      <c r="C62" s="222" t="s">
        <v>1322</v>
      </c>
      <c r="D62" s="223"/>
      <c r="E62" s="223"/>
      <c r="F62" s="223"/>
      <c r="G62" s="223"/>
      <c r="H62" s="223"/>
      <c r="I62" s="224"/>
    </row>
    <row r="63" spans="2:9" ht="15.75" thickBot="1" x14ac:dyDescent="0.3">
      <c r="B63" s="20"/>
      <c r="C63" s="311" t="s">
        <v>1323</v>
      </c>
      <c r="D63" s="257"/>
      <c r="E63" s="257"/>
      <c r="F63" s="257"/>
      <c r="G63" s="257"/>
      <c r="H63" s="257"/>
      <c r="I63" s="258"/>
    </row>
    <row r="64" spans="2:9" x14ac:dyDescent="0.25">
      <c r="B64" s="8"/>
      <c r="C64" s="189" t="s">
        <v>1371</v>
      </c>
      <c r="D64" s="190"/>
      <c r="E64" s="190"/>
      <c r="F64" s="190"/>
      <c r="G64" s="190"/>
      <c r="H64" s="190"/>
      <c r="I64" s="191"/>
    </row>
    <row r="65" spans="2:9" x14ac:dyDescent="0.25">
      <c r="B65" s="8"/>
      <c r="C65" s="186" t="s">
        <v>1324</v>
      </c>
      <c r="D65" s="187"/>
      <c r="E65" s="187"/>
      <c r="F65" s="187"/>
      <c r="G65" s="187"/>
      <c r="H65" s="187"/>
      <c r="I65" s="188"/>
    </row>
    <row r="66" spans="2:9" x14ac:dyDescent="0.25">
      <c r="B66" s="8"/>
      <c r="C66" s="186" t="s">
        <v>1325</v>
      </c>
      <c r="D66" s="187"/>
      <c r="E66" s="187"/>
      <c r="F66" s="187"/>
      <c r="G66" s="187"/>
      <c r="H66" s="187"/>
      <c r="I66" s="188"/>
    </row>
    <row r="67" spans="2:9" x14ac:dyDescent="0.25">
      <c r="B67" s="8"/>
      <c r="C67" s="186" t="s">
        <v>1326</v>
      </c>
      <c r="D67" s="187"/>
      <c r="E67" s="187"/>
      <c r="F67" s="187"/>
      <c r="G67" s="187"/>
      <c r="H67" s="187"/>
      <c r="I67" s="188"/>
    </row>
    <row r="68" spans="2:9" x14ac:dyDescent="0.25">
      <c r="B68" s="8"/>
      <c r="C68" s="186" t="s">
        <v>1327</v>
      </c>
      <c r="D68" s="187"/>
      <c r="E68" s="187"/>
      <c r="F68" s="187"/>
      <c r="G68" s="187"/>
      <c r="H68" s="187"/>
      <c r="I68" s="188"/>
    </row>
    <row r="69" spans="2:9" x14ac:dyDescent="0.25">
      <c r="B69" s="8"/>
      <c r="C69" s="186" t="s">
        <v>1328</v>
      </c>
      <c r="D69" s="187"/>
      <c r="E69" s="187"/>
      <c r="F69" s="187"/>
      <c r="G69" s="187"/>
      <c r="H69" s="187"/>
      <c r="I69" s="188"/>
    </row>
    <row r="70" spans="2:9" x14ac:dyDescent="0.25">
      <c r="B70" s="8"/>
      <c r="C70" s="186" t="s">
        <v>1329</v>
      </c>
      <c r="D70" s="187"/>
      <c r="E70" s="187"/>
      <c r="F70" s="187"/>
      <c r="G70" s="187"/>
      <c r="H70" s="187"/>
      <c r="I70" s="188"/>
    </row>
    <row r="71" spans="2:9" ht="15.75" thickBot="1" x14ac:dyDescent="0.3">
      <c r="B71" s="8"/>
      <c r="C71" s="222" t="s">
        <v>1330</v>
      </c>
      <c r="D71" s="223"/>
      <c r="E71" s="223"/>
      <c r="F71" s="223"/>
      <c r="G71" s="223"/>
      <c r="H71" s="223"/>
      <c r="I71" s="224"/>
    </row>
    <row r="72" spans="2:9" x14ac:dyDescent="0.25">
      <c r="B72" s="13"/>
      <c r="C72" s="189" t="s">
        <v>1331</v>
      </c>
      <c r="D72" s="190"/>
      <c r="E72" s="190"/>
      <c r="F72" s="190"/>
      <c r="G72" s="190"/>
      <c r="H72" s="190"/>
      <c r="I72" s="191"/>
    </row>
    <row r="73" spans="2:9" x14ac:dyDescent="0.25">
      <c r="B73" s="8"/>
      <c r="C73" s="186" t="s">
        <v>1332</v>
      </c>
      <c r="D73" s="187"/>
      <c r="E73" s="187"/>
      <c r="F73" s="187"/>
      <c r="G73" s="187"/>
      <c r="H73" s="187"/>
      <c r="I73" s="188"/>
    </row>
    <row r="74" spans="2:9" x14ac:dyDescent="0.25">
      <c r="B74" s="8"/>
      <c r="C74" s="186" t="s">
        <v>1333</v>
      </c>
      <c r="D74" s="187"/>
      <c r="E74" s="187"/>
      <c r="F74" s="187"/>
      <c r="G74" s="187"/>
      <c r="H74" s="187"/>
      <c r="I74" s="188"/>
    </row>
    <row r="75" spans="2:9" x14ac:dyDescent="0.25">
      <c r="B75" s="8"/>
      <c r="C75" s="186" t="s">
        <v>1334</v>
      </c>
      <c r="D75" s="187"/>
      <c r="E75" s="187"/>
      <c r="F75" s="187"/>
      <c r="G75" s="187"/>
      <c r="H75" s="187"/>
      <c r="I75" s="188"/>
    </row>
    <row r="76" spans="2:9" x14ac:dyDescent="0.25">
      <c r="B76" s="8"/>
      <c r="C76" s="186" t="s">
        <v>1335</v>
      </c>
      <c r="D76" s="187"/>
      <c r="E76" s="187"/>
      <c r="F76" s="187"/>
      <c r="G76" s="187"/>
      <c r="H76" s="187"/>
      <c r="I76" s="188"/>
    </row>
    <row r="77" spans="2:9" x14ac:dyDescent="0.25">
      <c r="B77" s="8"/>
      <c r="C77" s="186" t="s">
        <v>1336</v>
      </c>
      <c r="D77" s="187"/>
      <c r="E77" s="187"/>
      <c r="F77" s="187"/>
      <c r="G77" s="187"/>
      <c r="H77" s="187"/>
      <c r="I77" s="188"/>
    </row>
    <row r="78" spans="2:9" x14ac:dyDescent="0.25">
      <c r="B78" s="8"/>
      <c r="C78" s="186" t="s">
        <v>1337</v>
      </c>
      <c r="D78" s="187"/>
      <c r="E78" s="187"/>
      <c r="F78" s="187"/>
      <c r="G78" s="187"/>
      <c r="H78" s="187"/>
      <c r="I78" s="188"/>
    </row>
    <row r="79" spans="2:9" x14ac:dyDescent="0.25">
      <c r="B79" s="8"/>
      <c r="C79" s="186" t="s">
        <v>1338</v>
      </c>
      <c r="D79" s="187"/>
      <c r="E79" s="187"/>
      <c r="F79" s="187"/>
      <c r="G79" s="187"/>
      <c r="H79" s="187"/>
      <c r="I79" s="188"/>
    </row>
    <row r="80" spans="2:9" x14ac:dyDescent="0.25">
      <c r="B80" s="8"/>
      <c r="C80" s="186" t="s">
        <v>1339</v>
      </c>
      <c r="D80" s="187"/>
      <c r="E80" s="187"/>
      <c r="F80" s="187"/>
      <c r="G80" s="187"/>
      <c r="H80" s="187"/>
      <c r="I80" s="188"/>
    </row>
    <row r="81" spans="2:9" x14ac:dyDescent="0.25">
      <c r="B81" s="8"/>
      <c r="C81" s="186" t="s">
        <v>1340</v>
      </c>
      <c r="D81" s="187"/>
      <c r="E81" s="187"/>
      <c r="F81" s="187"/>
      <c r="G81" s="187"/>
      <c r="H81" s="187"/>
      <c r="I81" s="188"/>
    </row>
    <row r="82" spans="2:9" x14ac:dyDescent="0.25">
      <c r="B82" s="8"/>
      <c r="C82" s="186" t="s">
        <v>1341</v>
      </c>
      <c r="D82" s="187"/>
      <c r="E82" s="187"/>
      <c r="F82" s="187"/>
      <c r="G82" s="187"/>
      <c r="H82" s="187"/>
      <c r="I82" s="188"/>
    </row>
    <row r="83" spans="2:9" x14ac:dyDescent="0.25">
      <c r="B83" s="8"/>
      <c r="C83" s="186" t="s">
        <v>1342</v>
      </c>
      <c r="D83" s="187"/>
      <c r="E83" s="187"/>
      <c r="F83" s="187"/>
      <c r="G83" s="187"/>
      <c r="H83" s="187"/>
      <c r="I83" s="188"/>
    </row>
    <row r="84" spans="2:9" x14ac:dyDescent="0.25">
      <c r="B84" s="8"/>
      <c r="C84" s="186" t="s">
        <v>1343</v>
      </c>
      <c r="D84" s="187"/>
      <c r="E84" s="187"/>
      <c r="F84" s="187"/>
      <c r="G84" s="187"/>
      <c r="H84" s="187"/>
      <c r="I84" s="188"/>
    </row>
    <row r="85" spans="2:9" x14ac:dyDescent="0.25">
      <c r="B85" s="8"/>
      <c r="C85" s="186" t="s">
        <v>1344</v>
      </c>
      <c r="D85" s="187"/>
      <c r="E85" s="187"/>
      <c r="F85" s="187"/>
      <c r="G85" s="187"/>
      <c r="H85" s="187"/>
      <c r="I85" s="188"/>
    </row>
    <row r="86" spans="2:9" ht="15.75" thickBot="1" x14ac:dyDescent="0.3">
      <c r="B86" s="45"/>
      <c r="C86" s="222" t="s">
        <v>1345</v>
      </c>
      <c r="D86" s="223"/>
      <c r="E86" s="223"/>
      <c r="F86" s="223"/>
      <c r="G86" s="223"/>
      <c r="H86" s="223"/>
      <c r="I86" s="224"/>
    </row>
    <row r="87" spans="2:9" ht="15.75" thickBot="1" x14ac:dyDescent="0.3">
      <c r="B87" s="20"/>
      <c r="C87" s="311" t="s">
        <v>1346</v>
      </c>
      <c r="D87" s="257"/>
      <c r="E87" s="257"/>
      <c r="F87" s="257"/>
      <c r="G87" s="257"/>
      <c r="H87" s="257"/>
      <c r="I87" s="258"/>
    </row>
    <row r="88" spans="2:9" x14ac:dyDescent="0.25">
      <c r="B88" s="13"/>
      <c r="C88" s="189" t="s">
        <v>1347</v>
      </c>
      <c r="D88" s="190"/>
      <c r="E88" s="190"/>
      <c r="F88" s="190"/>
      <c r="G88" s="190"/>
      <c r="H88" s="190"/>
      <c r="I88" s="191"/>
    </row>
    <row r="89" spans="2:9" x14ac:dyDescent="0.25">
      <c r="B89" s="8"/>
      <c r="C89" s="186" t="s">
        <v>1348</v>
      </c>
      <c r="D89" s="187"/>
      <c r="E89" s="187"/>
      <c r="F89" s="187"/>
      <c r="G89" s="187"/>
      <c r="H89" s="187"/>
      <c r="I89" s="188"/>
    </row>
    <row r="90" spans="2:9" x14ac:dyDescent="0.25">
      <c r="B90" s="8"/>
      <c r="C90" s="186" t="s">
        <v>1349</v>
      </c>
      <c r="D90" s="187"/>
      <c r="E90" s="187"/>
      <c r="F90" s="187"/>
      <c r="G90" s="187"/>
      <c r="H90" s="187"/>
      <c r="I90" s="188"/>
    </row>
    <row r="91" spans="2:9" x14ac:dyDescent="0.25">
      <c r="B91" s="8"/>
      <c r="C91" s="186" t="s">
        <v>1350</v>
      </c>
      <c r="D91" s="187"/>
      <c r="E91" s="187"/>
      <c r="F91" s="187"/>
      <c r="G91" s="187"/>
      <c r="H91" s="187"/>
      <c r="I91" s="188"/>
    </row>
    <row r="92" spans="2:9" x14ac:dyDescent="0.25">
      <c r="B92" s="8"/>
      <c r="C92" s="186" t="s">
        <v>1343</v>
      </c>
      <c r="D92" s="187"/>
      <c r="E92" s="187"/>
      <c r="F92" s="187"/>
      <c r="G92" s="187"/>
      <c r="H92" s="187"/>
      <c r="I92" s="188"/>
    </row>
    <row r="93" spans="2:9" x14ac:dyDescent="0.25">
      <c r="B93" s="8"/>
      <c r="C93" s="186" t="s">
        <v>1351</v>
      </c>
      <c r="D93" s="187"/>
      <c r="E93" s="187"/>
      <c r="F93" s="187"/>
      <c r="G93" s="187"/>
      <c r="H93" s="187"/>
      <c r="I93" s="188"/>
    </row>
    <row r="94" spans="2:9" x14ac:dyDescent="0.25">
      <c r="B94" s="8"/>
      <c r="C94" s="186" t="s">
        <v>1352</v>
      </c>
      <c r="D94" s="187"/>
      <c r="E94" s="187"/>
      <c r="F94" s="187"/>
      <c r="G94" s="187"/>
      <c r="H94" s="187"/>
      <c r="I94" s="188"/>
    </row>
    <row r="95" spans="2:9" x14ac:dyDescent="0.25">
      <c r="B95" s="8"/>
      <c r="C95" s="186" t="s">
        <v>1353</v>
      </c>
      <c r="D95" s="187"/>
      <c r="E95" s="187"/>
      <c r="F95" s="187"/>
      <c r="G95" s="187"/>
      <c r="H95" s="187"/>
      <c r="I95" s="188"/>
    </row>
    <row r="96" spans="2:9" x14ac:dyDescent="0.25">
      <c r="B96" s="8"/>
      <c r="C96" s="186" t="s">
        <v>1354</v>
      </c>
      <c r="D96" s="187"/>
      <c r="E96" s="187"/>
      <c r="F96" s="187"/>
      <c r="G96" s="187"/>
      <c r="H96" s="187"/>
      <c r="I96" s="188"/>
    </row>
    <row r="97" spans="2:9" x14ac:dyDescent="0.25">
      <c r="B97" s="8"/>
      <c r="C97" s="186" t="s">
        <v>1355</v>
      </c>
      <c r="D97" s="187"/>
      <c r="E97" s="187"/>
      <c r="F97" s="187"/>
      <c r="G97" s="187"/>
      <c r="H97" s="187"/>
      <c r="I97" s="188"/>
    </row>
    <row r="98" spans="2:9" x14ac:dyDescent="0.25">
      <c r="B98" s="8"/>
      <c r="C98" s="186" t="s">
        <v>1356</v>
      </c>
      <c r="D98" s="187"/>
      <c r="E98" s="187"/>
      <c r="F98" s="187"/>
      <c r="G98" s="187"/>
      <c r="H98" s="187"/>
      <c r="I98" s="188"/>
    </row>
    <row r="99" spans="2:9" x14ac:dyDescent="0.25">
      <c r="B99" s="8"/>
      <c r="C99" s="186" t="s">
        <v>1357</v>
      </c>
      <c r="D99" s="187"/>
      <c r="E99" s="187"/>
      <c r="F99" s="187"/>
      <c r="G99" s="187"/>
      <c r="H99" s="187"/>
      <c r="I99" s="188"/>
    </row>
    <row r="100" spans="2:9" x14ac:dyDescent="0.25">
      <c r="B100" s="8"/>
      <c r="C100" s="186" t="s">
        <v>1358</v>
      </c>
      <c r="D100" s="187"/>
      <c r="E100" s="187"/>
      <c r="F100" s="187"/>
      <c r="G100" s="187"/>
      <c r="H100" s="187"/>
      <c r="I100" s="188"/>
    </row>
    <row r="101" spans="2:9" ht="15.75" thickBot="1" x14ac:dyDescent="0.3">
      <c r="B101" s="45"/>
      <c r="C101" s="222" t="s">
        <v>1359</v>
      </c>
      <c r="D101" s="223"/>
      <c r="E101" s="223"/>
      <c r="F101" s="223"/>
      <c r="G101" s="223"/>
      <c r="H101" s="223"/>
      <c r="I101" s="224"/>
    </row>
    <row r="102" spans="2:9" ht="15.75" thickBot="1" x14ac:dyDescent="0.3">
      <c r="B102" s="20"/>
      <c r="C102" s="311" t="s">
        <v>1360</v>
      </c>
      <c r="D102" s="257"/>
      <c r="E102" s="257"/>
      <c r="F102" s="257"/>
      <c r="G102" s="257"/>
      <c r="H102" s="257"/>
      <c r="I102" s="258"/>
    </row>
    <row r="103" spans="2:9" x14ac:dyDescent="0.25">
      <c r="B103" s="8"/>
      <c r="C103" s="189" t="s">
        <v>1361</v>
      </c>
      <c r="D103" s="190"/>
      <c r="E103" s="190"/>
      <c r="F103" s="190"/>
      <c r="G103" s="190"/>
      <c r="H103" s="190"/>
      <c r="I103" s="191"/>
    </row>
    <row r="104" spans="2:9" x14ac:dyDescent="0.25">
      <c r="B104" s="8"/>
      <c r="C104" s="186" t="s">
        <v>1362</v>
      </c>
      <c r="D104" s="187"/>
      <c r="E104" s="187"/>
      <c r="F104" s="187"/>
      <c r="G104" s="187"/>
      <c r="H104" s="187"/>
      <c r="I104" s="188"/>
    </row>
    <row r="105" spans="2:9" x14ac:dyDescent="0.25">
      <c r="B105" s="8"/>
      <c r="C105" s="186" t="s">
        <v>1363</v>
      </c>
      <c r="D105" s="187"/>
      <c r="E105" s="187"/>
      <c r="F105" s="187"/>
      <c r="G105" s="187"/>
      <c r="H105" s="187"/>
      <c r="I105" s="188"/>
    </row>
    <row r="106" spans="2:9" x14ac:dyDescent="0.25">
      <c r="B106" s="8"/>
      <c r="C106" s="186" t="s">
        <v>1364</v>
      </c>
      <c r="D106" s="187"/>
      <c r="E106" s="187"/>
      <c r="F106" s="187"/>
      <c r="G106" s="187"/>
      <c r="H106" s="187"/>
      <c r="I106" s="188"/>
    </row>
    <row r="107" spans="2:9" x14ac:dyDescent="0.25">
      <c r="B107" s="8"/>
      <c r="C107" s="186" t="s">
        <v>1365</v>
      </c>
      <c r="D107" s="187"/>
      <c r="E107" s="187"/>
      <c r="F107" s="187"/>
      <c r="G107" s="187"/>
      <c r="H107" s="187"/>
      <c r="I107" s="188"/>
    </row>
    <row r="108" spans="2:9" x14ac:dyDescent="0.25">
      <c r="B108" s="8"/>
      <c r="C108" s="186" t="s">
        <v>1366</v>
      </c>
      <c r="D108" s="187"/>
      <c r="E108" s="187"/>
      <c r="F108" s="187"/>
      <c r="G108" s="187"/>
      <c r="H108" s="187"/>
      <c r="I108" s="188"/>
    </row>
    <row r="109" spans="2:9" x14ac:dyDescent="0.25">
      <c r="B109" s="8"/>
      <c r="C109" s="186" t="s">
        <v>1367</v>
      </c>
      <c r="D109" s="187"/>
      <c r="E109" s="187"/>
      <c r="F109" s="187"/>
      <c r="G109" s="187"/>
      <c r="H109" s="187"/>
      <c r="I109" s="188"/>
    </row>
    <row r="110" spans="2:9" ht="15.75" thickBot="1" x14ac:dyDescent="0.3">
      <c r="B110" s="8"/>
      <c r="C110" s="222" t="s">
        <v>1368</v>
      </c>
      <c r="D110" s="223"/>
      <c r="E110" s="223"/>
      <c r="F110" s="223"/>
      <c r="G110" s="223"/>
      <c r="H110" s="223"/>
      <c r="I110" s="224"/>
    </row>
    <row r="111" spans="2:9" x14ac:dyDescent="0.25">
      <c r="B111" s="13"/>
      <c r="C111" s="189" t="s">
        <v>1369</v>
      </c>
      <c r="D111" s="190"/>
      <c r="E111" s="190"/>
      <c r="F111" s="190"/>
      <c r="G111" s="190"/>
      <c r="H111" s="190"/>
      <c r="I111" s="191"/>
    </row>
    <row r="112" spans="2:9" x14ac:dyDescent="0.25">
      <c r="B112" s="8"/>
      <c r="C112" s="186" t="s">
        <v>1370</v>
      </c>
      <c r="D112" s="187"/>
      <c r="E112" s="187"/>
      <c r="F112" s="187"/>
      <c r="G112" s="187"/>
      <c r="H112" s="187"/>
      <c r="I112" s="188"/>
    </row>
    <row r="113" spans="2:9" ht="15.75" thickBot="1" x14ac:dyDescent="0.3">
      <c r="B113" s="7"/>
      <c r="C113" s="222" t="s">
        <v>568</v>
      </c>
      <c r="D113" s="223"/>
      <c r="E113" s="223"/>
      <c r="F113" s="223"/>
      <c r="G113" s="223"/>
      <c r="H113" s="223"/>
      <c r="I113" s="224"/>
    </row>
    <row r="114" spans="2:9" ht="15.75" thickBot="1" x14ac:dyDescent="0.3"/>
    <row r="115" spans="2:9" ht="15.75" thickBot="1" x14ac:dyDescent="0.3">
      <c r="B115" s="253" t="s">
        <v>1150</v>
      </c>
      <c r="C115" s="254"/>
      <c r="D115" s="254"/>
      <c r="E115" s="254"/>
      <c r="F115" s="254"/>
      <c r="G115" s="254"/>
      <c r="H115" s="254"/>
      <c r="I115" s="255"/>
    </row>
    <row r="116" spans="2:9" ht="31.5" customHeight="1" thickBot="1" x14ac:dyDescent="0.3">
      <c r="B116" s="312" t="s">
        <v>1151</v>
      </c>
      <c r="C116" s="313"/>
      <c r="D116" s="313"/>
      <c r="E116" s="313"/>
      <c r="F116" s="313"/>
      <c r="G116" s="313"/>
      <c r="H116" s="313"/>
      <c r="I116" s="314"/>
    </row>
    <row r="117" spans="2:9" x14ac:dyDescent="0.25">
      <c r="B117" s="13"/>
      <c r="C117" s="189" t="s">
        <v>1152</v>
      </c>
      <c r="D117" s="190"/>
      <c r="E117" s="190"/>
      <c r="F117" s="190"/>
      <c r="G117" s="190"/>
      <c r="H117" s="190"/>
      <c r="I117" s="191"/>
    </row>
    <row r="118" spans="2:9" ht="15.75" thickBot="1" x14ac:dyDescent="0.3">
      <c r="B118" s="39"/>
      <c r="C118" s="222" t="s">
        <v>1153</v>
      </c>
      <c r="D118" s="223"/>
      <c r="E118" s="223"/>
      <c r="F118" s="223"/>
      <c r="G118" s="223"/>
      <c r="H118" s="223"/>
      <c r="I118" s="224"/>
    </row>
    <row r="119" spans="2:9" ht="15.75" thickBot="1" x14ac:dyDescent="0.3"/>
    <row r="120" spans="2:9" ht="15.75" thickBot="1" x14ac:dyDescent="0.3">
      <c r="B120" s="253" t="s">
        <v>834</v>
      </c>
      <c r="C120" s="254"/>
      <c r="D120" s="254"/>
      <c r="E120" s="254"/>
      <c r="F120" s="254"/>
      <c r="G120" s="254"/>
      <c r="H120" s="254"/>
      <c r="I120" s="255"/>
    </row>
    <row r="121" spans="2:9" ht="15.75" thickBot="1" x14ac:dyDescent="0.3">
      <c r="B121" s="311" t="s">
        <v>833</v>
      </c>
      <c r="C121" s="257"/>
      <c r="D121" s="257"/>
      <c r="E121" s="257"/>
      <c r="F121" s="257"/>
      <c r="G121" s="257"/>
      <c r="H121" s="257"/>
      <c r="I121" s="258"/>
    </row>
    <row r="122" spans="2:9" x14ac:dyDescent="0.25">
      <c r="B122" s="13"/>
      <c r="C122" s="189" t="s">
        <v>835</v>
      </c>
      <c r="D122" s="190"/>
      <c r="E122" s="190"/>
      <c r="F122" s="190"/>
      <c r="G122" s="190"/>
      <c r="H122" s="190"/>
      <c r="I122" s="191"/>
    </row>
    <row r="123" spans="2:9" x14ac:dyDescent="0.25">
      <c r="B123" s="6"/>
      <c r="C123" s="186" t="s">
        <v>837</v>
      </c>
      <c r="D123" s="187"/>
      <c r="E123" s="187"/>
      <c r="F123" s="187"/>
      <c r="G123" s="187"/>
      <c r="H123" s="187"/>
      <c r="I123" s="188"/>
    </row>
    <row r="124" spans="2:9" ht="15.75" thickBot="1" x14ac:dyDescent="0.3">
      <c r="B124" s="7"/>
      <c r="C124" s="222" t="s">
        <v>836</v>
      </c>
      <c r="D124" s="223"/>
      <c r="E124" s="223"/>
      <c r="F124" s="223"/>
      <c r="G124" s="223"/>
      <c r="H124" s="223"/>
      <c r="I124" s="224"/>
    </row>
    <row r="125" spans="2:9" ht="15.75" thickBot="1" x14ac:dyDescent="0.3"/>
    <row r="126" spans="2:9" ht="15.75" thickBot="1" x14ac:dyDescent="0.3">
      <c r="B126" s="253" t="s">
        <v>838</v>
      </c>
      <c r="C126" s="254"/>
      <c r="D126" s="254"/>
      <c r="E126" s="254"/>
      <c r="F126" s="254"/>
      <c r="G126" s="254"/>
      <c r="H126" s="254"/>
      <c r="I126" s="67"/>
    </row>
    <row r="127" spans="2:9" ht="15.75" thickBot="1" x14ac:dyDescent="0.3">
      <c r="B127" s="64" t="s">
        <v>839</v>
      </c>
      <c r="C127" s="65"/>
      <c r="D127" s="65"/>
      <c r="E127" s="65"/>
      <c r="F127" s="65"/>
      <c r="G127" s="65"/>
      <c r="H127" s="65"/>
      <c r="I127" s="66"/>
    </row>
    <row r="128" spans="2:9" x14ac:dyDescent="0.25">
      <c r="B128" s="13"/>
      <c r="C128" s="50" t="s">
        <v>840</v>
      </c>
      <c r="D128" s="51"/>
      <c r="E128" s="51"/>
      <c r="F128" s="51"/>
      <c r="G128" s="51"/>
      <c r="H128" s="51"/>
      <c r="I128" s="52"/>
    </row>
    <row r="129" spans="2:9" x14ac:dyDescent="0.25">
      <c r="B129" s="8"/>
      <c r="C129" s="30" t="s">
        <v>841</v>
      </c>
      <c r="D129" s="49"/>
      <c r="E129" s="49"/>
      <c r="F129" s="49"/>
      <c r="G129" s="49"/>
      <c r="H129" s="49"/>
      <c r="I129" s="1"/>
    </row>
    <row r="130" spans="2:9" x14ac:dyDescent="0.25">
      <c r="B130" s="8"/>
      <c r="C130" s="30" t="s">
        <v>842</v>
      </c>
      <c r="D130" s="49"/>
      <c r="E130" s="49"/>
      <c r="F130" s="49"/>
      <c r="G130" s="49"/>
      <c r="H130" s="49"/>
      <c r="I130" s="1"/>
    </row>
    <row r="131" spans="2:9" x14ac:dyDescent="0.25">
      <c r="B131" s="8"/>
      <c r="C131" s="30" t="s">
        <v>843</v>
      </c>
      <c r="D131" s="49"/>
      <c r="E131" s="49"/>
      <c r="F131" s="49"/>
      <c r="G131" s="49"/>
      <c r="H131" s="49"/>
      <c r="I131" s="1"/>
    </row>
    <row r="132" spans="2:9" x14ac:dyDescent="0.25">
      <c r="B132" s="8"/>
      <c r="C132" s="30" t="s">
        <v>844</v>
      </c>
      <c r="D132" s="49"/>
      <c r="E132" s="49"/>
      <c r="F132" s="49"/>
      <c r="G132" s="49"/>
      <c r="H132" s="49"/>
      <c r="I132" s="1"/>
    </row>
    <row r="133" spans="2:9" x14ac:dyDescent="0.25">
      <c r="B133" s="8"/>
      <c r="C133" s="30" t="s">
        <v>845</v>
      </c>
      <c r="D133" s="49"/>
      <c r="E133" s="49"/>
      <c r="F133" s="49"/>
      <c r="G133" s="49"/>
      <c r="H133" s="49"/>
      <c r="I133" s="1"/>
    </row>
    <row r="134" spans="2:9" x14ac:dyDescent="0.25">
      <c r="B134" s="8"/>
      <c r="C134" s="30" t="s">
        <v>846</v>
      </c>
      <c r="D134" s="49"/>
      <c r="E134" s="49"/>
      <c r="F134" s="49"/>
      <c r="G134" s="49"/>
      <c r="H134" s="49"/>
      <c r="I134" s="1"/>
    </row>
    <row r="135" spans="2:9" x14ac:dyDescent="0.25">
      <c r="B135" s="8"/>
      <c r="C135" s="30" t="s">
        <v>848</v>
      </c>
      <c r="D135" s="49"/>
      <c r="E135" s="49"/>
      <c r="F135" s="49"/>
      <c r="G135" s="49"/>
      <c r="H135" s="49"/>
      <c r="I135" s="1"/>
    </row>
    <row r="136" spans="2:9" x14ac:dyDescent="0.25">
      <c r="B136" s="8"/>
      <c r="C136" s="30" t="s">
        <v>847</v>
      </c>
      <c r="D136" s="49"/>
      <c r="E136" s="49"/>
      <c r="F136" s="49"/>
      <c r="G136" s="49"/>
      <c r="H136" s="49"/>
      <c r="I136" s="1"/>
    </row>
    <row r="137" spans="2:9" x14ac:dyDescent="0.25">
      <c r="B137" s="8"/>
      <c r="C137" s="30" t="s">
        <v>849</v>
      </c>
      <c r="D137" s="49"/>
      <c r="E137" s="49"/>
      <c r="F137" s="49"/>
      <c r="G137" s="49"/>
      <c r="H137" s="49"/>
      <c r="I137" s="1"/>
    </row>
    <row r="138" spans="2:9" x14ac:dyDescent="0.25">
      <c r="B138" s="8"/>
      <c r="C138" s="30" t="s">
        <v>850</v>
      </c>
      <c r="D138" s="49"/>
      <c r="E138" s="49"/>
      <c r="F138" s="49"/>
      <c r="G138" s="49"/>
      <c r="H138" s="49"/>
      <c r="I138" s="1"/>
    </row>
    <row r="139" spans="2:9" x14ac:dyDescent="0.25">
      <c r="B139" s="8"/>
      <c r="C139" s="30" t="s">
        <v>851</v>
      </c>
      <c r="D139" s="49"/>
      <c r="E139" s="49"/>
      <c r="F139" s="49"/>
      <c r="G139" s="49"/>
      <c r="H139" s="49"/>
      <c r="I139" s="1"/>
    </row>
    <row r="140" spans="2:9" x14ac:dyDescent="0.25">
      <c r="B140" s="8"/>
      <c r="C140" s="30" t="s">
        <v>852</v>
      </c>
      <c r="D140" s="49"/>
      <c r="E140" s="49"/>
      <c r="F140" s="49"/>
      <c r="G140" s="49"/>
      <c r="H140" s="49"/>
      <c r="I140" s="1"/>
    </row>
    <row r="141" spans="2:9" x14ac:dyDescent="0.25">
      <c r="B141" s="8"/>
      <c r="C141" s="30" t="s">
        <v>483</v>
      </c>
      <c r="D141" s="49"/>
      <c r="E141" s="49"/>
      <c r="F141" s="49"/>
      <c r="G141" s="49"/>
      <c r="H141" s="49"/>
      <c r="I141" s="1"/>
    </row>
    <row r="142" spans="2:9" x14ac:dyDescent="0.25">
      <c r="B142" s="8"/>
      <c r="C142" s="30" t="s">
        <v>853</v>
      </c>
      <c r="D142" s="49"/>
      <c r="E142" s="49"/>
      <c r="F142" s="49"/>
      <c r="G142" s="49"/>
      <c r="H142" s="49"/>
      <c r="I142" s="1"/>
    </row>
    <row r="143" spans="2:9" ht="15.75" thickBot="1" x14ac:dyDescent="0.3">
      <c r="B143" s="39"/>
      <c r="C143" s="222" t="s">
        <v>865</v>
      </c>
      <c r="D143" s="223"/>
      <c r="E143" s="223"/>
      <c r="F143" s="223"/>
      <c r="G143" s="223"/>
      <c r="H143" s="223"/>
      <c r="I143" s="224"/>
    </row>
    <row r="144" spans="2:9" ht="15.75" thickBot="1" x14ac:dyDescent="0.3"/>
    <row r="145" spans="2:9" ht="15.75" thickBot="1" x14ac:dyDescent="0.3">
      <c r="B145" s="253" t="s">
        <v>1042</v>
      </c>
      <c r="C145" s="254"/>
      <c r="D145" s="254"/>
      <c r="E145" s="254"/>
      <c r="F145" s="254"/>
      <c r="G145" s="254"/>
      <c r="H145" s="254"/>
      <c r="I145" s="255"/>
    </row>
    <row r="146" spans="2:9" ht="30" customHeight="1" thickBot="1" x14ac:dyDescent="0.3">
      <c r="B146" s="312" t="s">
        <v>1043</v>
      </c>
      <c r="C146" s="313"/>
      <c r="D146" s="313"/>
      <c r="E146" s="313"/>
      <c r="F146" s="313"/>
      <c r="G146" s="313"/>
      <c r="H146" s="313"/>
      <c r="I146" s="314"/>
    </row>
    <row r="147" spans="2:9" x14ac:dyDescent="0.25">
      <c r="B147" s="13"/>
      <c r="C147" s="189" t="s">
        <v>1044</v>
      </c>
      <c r="D147" s="190"/>
      <c r="E147" s="190"/>
      <c r="F147" s="190"/>
      <c r="G147" s="190"/>
      <c r="H147" s="190"/>
      <c r="I147" s="191"/>
    </row>
    <row r="148" spans="2:9" x14ac:dyDescent="0.25">
      <c r="B148" s="8"/>
      <c r="C148" s="186" t="s">
        <v>1045</v>
      </c>
      <c r="D148" s="187"/>
      <c r="E148" s="187"/>
      <c r="F148" s="187"/>
      <c r="G148" s="187"/>
      <c r="H148" s="187"/>
      <c r="I148" s="188"/>
    </row>
    <row r="149" spans="2:9" x14ac:dyDescent="0.25">
      <c r="B149" s="8"/>
      <c r="C149" s="186" t="s">
        <v>1046</v>
      </c>
      <c r="D149" s="187"/>
      <c r="E149" s="187"/>
      <c r="F149" s="187"/>
      <c r="G149" s="187"/>
      <c r="H149" s="187"/>
      <c r="I149" s="188"/>
    </row>
    <row r="150" spans="2:9" ht="15.75" thickBot="1" x14ac:dyDescent="0.3">
      <c r="B150" s="39"/>
      <c r="C150" s="222" t="s">
        <v>1047</v>
      </c>
      <c r="D150" s="223"/>
      <c r="E150" s="223"/>
      <c r="F150" s="223"/>
      <c r="G150" s="223"/>
      <c r="H150" s="223"/>
      <c r="I150" s="224"/>
    </row>
    <row r="151" spans="2:9" ht="15.75" thickBot="1" x14ac:dyDescent="0.3"/>
    <row r="152" spans="2:9" ht="15.75" thickBot="1" x14ac:dyDescent="0.3">
      <c r="B152" s="253" t="s">
        <v>1049</v>
      </c>
      <c r="C152" s="254"/>
      <c r="D152" s="254"/>
      <c r="E152" s="254"/>
      <c r="F152" s="254"/>
      <c r="G152" s="254"/>
      <c r="H152" s="254"/>
      <c r="I152" s="255"/>
    </row>
    <row r="153" spans="2:9" ht="15.75" thickBot="1" x14ac:dyDescent="0.3">
      <c r="B153" s="311" t="s">
        <v>1050</v>
      </c>
      <c r="C153" s="257"/>
      <c r="D153" s="257"/>
      <c r="E153" s="257"/>
      <c r="F153" s="257"/>
      <c r="G153" s="257"/>
      <c r="H153" s="257"/>
      <c r="I153" s="258"/>
    </row>
    <row r="154" spans="2:9" x14ac:dyDescent="0.25">
      <c r="B154" s="13"/>
      <c r="C154" s="189" t="s">
        <v>1051</v>
      </c>
      <c r="D154" s="190"/>
      <c r="E154" s="190"/>
      <c r="F154" s="190"/>
      <c r="G154" s="190"/>
      <c r="H154" s="190"/>
      <c r="I154" s="191"/>
    </row>
    <row r="155" spans="2:9" ht="15.75" thickBot="1" x14ac:dyDescent="0.3">
      <c r="B155" s="39"/>
      <c r="C155" s="222" t="s">
        <v>1052</v>
      </c>
      <c r="D155" s="223"/>
      <c r="E155" s="223"/>
      <c r="F155" s="223"/>
      <c r="G155" s="223"/>
      <c r="H155" s="223"/>
      <c r="I155" s="224"/>
    </row>
    <row r="156" spans="2:9" ht="15.75" thickBot="1" x14ac:dyDescent="0.3">
      <c r="C156" s="46"/>
      <c r="D156" s="46"/>
      <c r="E156" s="46"/>
      <c r="F156" s="46"/>
      <c r="G156" s="46"/>
      <c r="H156" s="46"/>
      <c r="I156" s="46"/>
    </row>
    <row r="157" spans="2:9" ht="15.75" thickBot="1" x14ac:dyDescent="0.3">
      <c r="B157" s="253" t="s">
        <v>1481</v>
      </c>
      <c r="C157" s="254"/>
      <c r="D157" s="254"/>
      <c r="E157" s="254"/>
      <c r="F157" s="254"/>
      <c r="G157" s="254"/>
      <c r="H157" s="254"/>
      <c r="I157" s="255"/>
    </row>
    <row r="158" spans="2:9" ht="15.75" thickBot="1" x14ac:dyDescent="0.3">
      <c r="B158" s="311" t="s">
        <v>1482</v>
      </c>
      <c r="C158" s="324"/>
      <c r="D158" s="324"/>
      <c r="E158" s="324"/>
      <c r="F158" s="324"/>
      <c r="G158" s="324"/>
      <c r="H158" s="324"/>
      <c r="I158" s="325"/>
    </row>
    <row r="159" spans="2:9" x14ac:dyDescent="0.25">
      <c r="B159" s="73"/>
      <c r="C159" s="229" t="s">
        <v>1483</v>
      </c>
      <c r="D159" s="203"/>
      <c r="E159" s="203"/>
      <c r="F159" s="203"/>
      <c r="G159" s="203"/>
      <c r="H159" s="203"/>
      <c r="I159" s="204"/>
    </row>
    <row r="160" spans="2:9" x14ac:dyDescent="0.25">
      <c r="B160" s="33"/>
      <c r="C160" s="198" t="s">
        <v>1484</v>
      </c>
      <c r="D160" s="193"/>
      <c r="E160" s="193"/>
      <c r="F160" s="193"/>
      <c r="G160" s="193"/>
      <c r="H160" s="193"/>
      <c r="I160" s="194"/>
    </row>
    <row r="161" spans="2:11" x14ac:dyDescent="0.25">
      <c r="B161" s="33"/>
      <c r="C161" s="198" t="s">
        <v>1485</v>
      </c>
      <c r="D161" s="193"/>
      <c r="E161" s="193"/>
      <c r="F161" s="193"/>
      <c r="G161" s="193"/>
      <c r="H161" s="193"/>
      <c r="I161" s="194"/>
    </row>
    <row r="162" spans="2:11" x14ac:dyDescent="0.25">
      <c r="B162" s="33"/>
      <c r="C162" s="198" t="s">
        <v>1486</v>
      </c>
      <c r="D162" s="193"/>
      <c r="E162" s="193"/>
      <c r="F162" s="193"/>
      <c r="G162" s="193"/>
      <c r="H162" s="193"/>
      <c r="I162" s="194"/>
    </row>
    <row r="163" spans="2:11" x14ac:dyDescent="0.25">
      <c r="B163" s="74"/>
      <c r="C163" s="198" t="s">
        <v>1487</v>
      </c>
      <c r="D163" s="193"/>
      <c r="E163" s="193"/>
      <c r="F163" s="193"/>
      <c r="G163" s="193"/>
      <c r="H163" s="193"/>
      <c r="I163" s="194"/>
    </row>
    <row r="164" spans="2:11" x14ac:dyDescent="0.25">
      <c r="B164" s="74"/>
      <c r="C164" s="198" t="s">
        <v>1488</v>
      </c>
      <c r="D164" s="193"/>
      <c r="E164" s="193"/>
      <c r="F164" s="193"/>
      <c r="G164" s="193"/>
      <c r="H164" s="193"/>
      <c r="I164" s="194"/>
    </row>
    <row r="165" spans="2:11" x14ac:dyDescent="0.25">
      <c r="B165" s="74"/>
      <c r="C165" s="198" t="s">
        <v>1489</v>
      </c>
      <c r="D165" s="193"/>
      <c r="E165" s="193"/>
      <c r="F165" s="193"/>
      <c r="G165" s="193"/>
      <c r="H165" s="193"/>
      <c r="I165" s="194"/>
    </row>
    <row r="166" spans="2:11" x14ac:dyDescent="0.25">
      <c r="B166" s="74"/>
      <c r="C166" s="198" t="s">
        <v>1490</v>
      </c>
      <c r="D166" s="193"/>
      <c r="E166" s="193"/>
      <c r="F166" s="193"/>
      <c r="G166" s="193"/>
      <c r="H166" s="193"/>
      <c r="I166" s="194"/>
    </row>
    <row r="167" spans="2:11" x14ac:dyDescent="0.25">
      <c r="B167" s="74"/>
      <c r="C167" s="198" t="s">
        <v>1491</v>
      </c>
      <c r="D167" s="193"/>
      <c r="E167" s="193"/>
      <c r="F167" s="193"/>
      <c r="G167" s="193"/>
      <c r="H167" s="193"/>
      <c r="I167" s="194"/>
    </row>
    <row r="168" spans="2:11" x14ac:dyDescent="0.25">
      <c r="B168" s="74"/>
      <c r="C168" s="198" t="s">
        <v>1492</v>
      </c>
      <c r="D168" s="193"/>
      <c r="E168" s="193"/>
      <c r="F168" s="193"/>
      <c r="G168" s="193"/>
      <c r="H168" s="193"/>
      <c r="I168" s="194"/>
    </row>
    <row r="169" spans="2:11" x14ac:dyDescent="0.25">
      <c r="B169" s="74"/>
      <c r="C169" s="198" t="s">
        <v>1493</v>
      </c>
      <c r="D169" s="193"/>
      <c r="E169" s="193"/>
      <c r="F169" s="193"/>
      <c r="G169" s="193"/>
      <c r="H169" s="193"/>
      <c r="I169" s="194"/>
    </row>
    <row r="170" spans="2:11" x14ac:dyDescent="0.25">
      <c r="B170" s="74"/>
      <c r="C170" s="198" t="s">
        <v>1494</v>
      </c>
      <c r="D170" s="193"/>
      <c r="E170" s="193"/>
      <c r="F170" s="193"/>
      <c r="G170" s="193"/>
      <c r="H170" s="193"/>
      <c r="I170" s="194"/>
    </row>
    <row r="171" spans="2:11" x14ac:dyDescent="0.25">
      <c r="B171" s="74"/>
      <c r="C171" s="198" t="s">
        <v>1495</v>
      </c>
      <c r="D171" s="193"/>
      <c r="E171" s="193"/>
      <c r="F171" s="193"/>
      <c r="G171" s="193"/>
      <c r="H171" s="193"/>
      <c r="I171" s="194"/>
    </row>
    <row r="172" spans="2:11" ht="15.75" thickBot="1" x14ac:dyDescent="0.3">
      <c r="B172" s="81"/>
      <c r="C172" s="206" t="s">
        <v>1496</v>
      </c>
      <c r="D172" s="196"/>
      <c r="E172" s="196"/>
      <c r="F172" s="196"/>
      <c r="G172" s="196"/>
      <c r="H172" s="196"/>
      <c r="I172" s="197"/>
    </row>
    <row r="173" spans="2:11" ht="15.75" thickBot="1" x14ac:dyDescent="0.3">
      <c r="C173" s="46"/>
      <c r="D173" s="46"/>
      <c r="E173" s="46"/>
      <c r="F173" s="46"/>
      <c r="G173" s="46"/>
      <c r="H173" s="46"/>
      <c r="I173" s="46"/>
    </row>
    <row r="174" spans="2:11" ht="15.75" thickBot="1" x14ac:dyDescent="0.3">
      <c r="B174" s="253" t="s">
        <v>1202</v>
      </c>
      <c r="C174" s="254"/>
      <c r="D174" s="254"/>
      <c r="E174" s="254"/>
      <c r="F174" s="254"/>
      <c r="G174" s="254"/>
      <c r="H174" s="254"/>
      <c r="I174" s="255"/>
      <c r="J174" s="72"/>
      <c r="K174" s="72"/>
    </row>
    <row r="175" spans="2:11" ht="31.5" customHeight="1" thickBot="1" x14ac:dyDescent="0.3">
      <c r="B175" s="312" t="s">
        <v>1203</v>
      </c>
      <c r="C175" s="313"/>
      <c r="D175" s="313"/>
      <c r="E175" s="313"/>
      <c r="F175" s="313"/>
      <c r="G175" s="313"/>
      <c r="H175" s="313"/>
      <c r="I175" s="314"/>
    </row>
    <row r="176" spans="2:11" x14ac:dyDescent="0.25">
      <c r="B176" s="13"/>
      <c r="C176" s="186" t="s">
        <v>1204</v>
      </c>
      <c r="D176" s="187"/>
      <c r="E176" s="187"/>
      <c r="F176" s="187"/>
      <c r="G176" s="187"/>
      <c r="H176" s="187"/>
      <c r="I176" s="188"/>
    </row>
    <row r="177" spans="2:12" x14ac:dyDescent="0.25">
      <c r="B177" s="8"/>
      <c r="C177" s="186" t="s">
        <v>1205</v>
      </c>
      <c r="D177" s="187"/>
      <c r="E177" s="187"/>
      <c r="F177" s="187"/>
      <c r="G177" s="187"/>
      <c r="H177" s="187"/>
      <c r="I177" s="188"/>
    </row>
    <row r="178" spans="2:12" x14ac:dyDescent="0.25">
      <c r="B178" s="8"/>
      <c r="C178" s="186" t="s">
        <v>1206</v>
      </c>
      <c r="D178" s="187"/>
      <c r="E178" s="187"/>
      <c r="F178" s="187"/>
      <c r="G178" s="187"/>
      <c r="H178" s="187"/>
      <c r="I178" s="188"/>
    </row>
    <row r="179" spans="2:12" x14ac:dyDescent="0.25">
      <c r="B179" s="8"/>
      <c r="C179" s="186" t="s">
        <v>1207</v>
      </c>
      <c r="D179" s="187"/>
      <c r="E179" s="187"/>
      <c r="F179" s="187"/>
      <c r="G179" s="187"/>
      <c r="H179" s="187"/>
      <c r="I179" s="188"/>
    </row>
    <row r="180" spans="2:12" ht="15.75" thickBot="1" x14ac:dyDescent="0.3">
      <c r="B180" s="39"/>
      <c r="C180" s="222" t="s">
        <v>1208</v>
      </c>
      <c r="D180" s="223"/>
      <c r="E180" s="223"/>
      <c r="F180" s="223"/>
      <c r="G180" s="223"/>
      <c r="H180" s="223"/>
      <c r="I180" s="224"/>
    </row>
    <row r="181" spans="2:12" ht="15.75" thickBot="1" x14ac:dyDescent="0.3"/>
    <row r="182" spans="2:12" ht="15.75" thickBot="1" x14ac:dyDescent="0.3">
      <c r="B182" s="253" t="s">
        <v>1159</v>
      </c>
      <c r="C182" s="254"/>
      <c r="D182" s="254"/>
      <c r="E182" s="254"/>
      <c r="F182" s="254"/>
      <c r="G182" s="254"/>
      <c r="H182" s="254"/>
      <c r="I182" s="255"/>
    </row>
    <row r="183" spans="2:12" ht="15.75" thickBot="1" x14ac:dyDescent="0.3">
      <c r="B183" s="311" t="s">
        <v>1160</v>
      </c>
      <c r="C183" s="257"/>
      <c r="D183" s="257"/>
      <c r="E183" s="257"/>
      <c r="F183" s="257"/>
      <c r="G183" s="257"/>
      <c r="H183" s="257"/>
      <c r="I183" s="258"/>
    </row>
    <row r="184" spans="2:12" x14ac:dyDescent="0.25">
      <c r="B184" s="13"/>
      <c r="C184" s="189" t="s">
        <v>1161</v>
      </c>
      <c r="D184" s="190"/>
      <c r="E184" s="190"/>
      <c r="F184" s="190"/>
      <c r="G184" s="190"/>
      <c r="H184" s="190"/>
      <c r="I184" s="191"/>
      <c r="L184" s="61"/>
    </row>
    <row r="185" spans="2:12" x14ac:dyDescent="0.25">
      <c r="B185" s="8"/>
      <c r="C185" s="186" t="s">
        <v>1162</v>
      </c>
      <c r="D185" s="187"/>
      <c r="E185" s="187"/>
      <c r="F185" s="187"/>
      <c r="G185" s="187"/>
      <c r="H185" s="187"/>
      <c r="I185" s="188"/>
    </row>
    <row r="186" spans="2:12" x14ac:dyDescent="0.25">
      <c r="B186" s="8"/>
      <c r="C186" s="186" t="s">
        <v>1163</v>
      </c>
      <c r="D186" s="187"/>
      <c r="E186" s="187"/>
      <c r="F186" s="187"/>
      <c r="G186" s="187"/>
      <c r="H186" s="187"/>
      <c r="I186" s="188"/>
    </row>
    <row r="187" spans="2:12" x14ac:dyDescent="0.25">
      <c r="B187" s="8"/>
      <c r="C187" s="186" t="s">
        <v>1164</v>
      </c>
      <c r="D187" s="187"/>
      <c r="E187" s="187"/>
      <c r="F187" s="187"/>
      <c r="G187" s="187"/>
      <c r="H187" s="187"/>
      <c r="I187" s="188"/>
    </row>
    <row r="188" spans="2:12" x14ac:dyDescent="0.25">
      <c r="B188" s="8"/>
      <c r="C188" s="186" t="s">
        <v>1165</v>
      </c>
      <c r="D188" s="187"/>
      <c r="E188" s="187"/>
      <c r="F188" s="187"/>
      <c r="G188" s="187"/>
      <c r="H188" s="187"/>
      <c r="I188" s="188"/>
    </row>
    <row r="189" spans="2:12" x14ac:dyDescent="0.25">
      <c r="B189" s="8"/>
      <c r="C189" s="186" t="s">
        <v>1166</v>
      </c>
      <c r="D189" s="187"/>
      <c r="E189" s="187"/>
      <c r="F189" s="187"/>
      <c r="G189" s="187"/>
      <c r="H189" s="187"/>
      <c r="I189" s="188"/>
    </row>
    <row r="190" spans="2:12" x14ac:dyDescent="0.25">
      <c r="B190" s="8"/>
      <c r="C190" s="186" t="s">
        <v>1167</v>
      </c>
      <c r="D190" s="187"/>
      <c r="E190" s="187"/>
      <c r="F190" s="187"/>
      <c r="G190" s="187"/>
      <c r="H190" s="187"/>
      <c r="I190" s="188"/>
    </row>
    <row r="191" spans="2:12" x14ac:dyDescent="0.25">
      <c r="B191" s="8"/>
      <c r="C191" s="186" t="s">
        <v>1168</v>
      </c>
      <c r="D191" s="187"/>
      <c r="E191" s="187"/>
      <c r="F191" s="187"/>
      <c r="G191" s="187"/>
      <c r="H191" s="187"/>
      <c r="I191" s="188"/>
    </row>
    <row r="192" spans="2:12" x14ac:dyDescent="0.25">
      <c r="B192" s="8"/>
      <c r="C192" s="186" t="s">
        <v>1169</v>
      </c>
      <c r="D192" s="187"/>
      <c r="E192" s="187"/>
      <c r="F192" s="187"/>
      <c r="G192" s="187"/>
      <c r="H192" s="187"/>
      <c r="I192" s="188"/>
    </row>
    <row r="193" spans="2:9" x14ac:dyDescent="0.25">
      <c r="B193" s="8"/>
      <c r="C193" s="186" t="s">
        <v>688</v>
      </c>
      <c r="D193" s="187"/>
      <c r="E193" s="187"/>
      <c r="F193" s="187"/>
      <c r="G193" s="187"/>
      <c r="H193" s="187"/>
      <c r="I193" s="188"/>
    </row>
    <row r="194" spans="2:9" x14ac:dyDescent="0.25">
      <c r="B194" s="8"/>
      <c r="C194" s="186" t="s">
        <v>1170</v>
      </c>
      <c r="D194" s="187"/>
      <c r="E194" s="187"/>
      <c r="F194" s="187"/>
      <c r="G194" s="187"/>
      <c r="H194" s="187"/>
      <c r="I194" s="188"/>
    </row>
    <row r="195" spans="2:9" x14ac:dyDescent="0.25">
      <c r="B195" s="8"/>
      <c r="C195" s="186" t="s">
        <v>1171</v>
      </c>
      <c r="D195" s="187"/>
      <c r="E195" s="187"/>
      <c r="F195" s="187"/>
      <c r="G195" s="187"/>
      <c r="H195" s="187"/>
      <c r="I195" s="188"/>
    </row>
    <row r="196" spans="2:9" x14ac:dyDescent="0.25">
      <c r="B196" s="8"/>
      <c r="C196" s="186" t="s">
        <v>1172</v>
      </c>
      <c r="D196" s="187"/>
      <c r="E196" s="187"/>
      <c r="F196" s="187"/>
      <c r="G196" s="187"/>
      <c r="H196" s="187"/>
      <c r="I196" s="188"/>
    </row>
    <row r="197" spans="2:9" x14ac:dyDescent="0.25">
      <c r="B197" s="8"/>
      <c r="C197" s="186" t="s">
        <v>1173</v>
      </c>
      <c r="D197" s="187"/>
      <c r="E197" s="187"/>
      <c r="F197" s="187"/>
      <c r="G197" s="187"/>
      <c r="H197" s="187"/>
      <c r="I197" s="188"/>
    </row>
    <row r="198" spans="2:9" ht="15.75" thickBot="1" x14ac:dyDescent="0.3">
      <c r="B198" s="39"/>
      <c r="C198" s="222" t="s">
        <v>1174</v>
      </c>
      <c r="D198" s="223"/>
      <c r="E198" s="223"/>
      <c r="F198" s="223"/>
      <c r="G198" s="223"/>
      <c r="H198" s="223"/>
      <c r="I198" s="224"/>
    </row>
    <row r="199" spans="2:9" ht="15.75" thickBot="1" x14ac:dyDescent="0.3"/>
    <row r="200" spans="2:9" ht="15.75" thickBot="1" x14ac:dyDescent="0.3">
      <c r="B200" s="253" t="s">
        <v>1053</v>
      </c>
      <c r="C200" s="254"/>
      <c r="D200" s="254"/>
      <c r="E200" s="254"/>
      <c r="F200" s="254"/>
      <c r="G200" s="254"/>
      <c r="H200" s="254"/>
      <c r="I200" s="255"/>
    </row>
    <row r="201" spans="2:9" ht="15.75" thickBot="1" x14ac:dyDescent="0.3">
      <c r="B201" s="312" t="s">
        <v>1054</v>
      </c>
      <c r="C201" s="313"/>
      <c r="D201" s="313"/>
      <c r="E201" s="313"/>
      <c r="F201" s="313"/>
      <c r="G201" s="313"/>
      <c r="H201" s="313"/>
      <c r="I201" s="314"/>
    </row>
    <row r="202" spans="2:9" x14ac:dyDescent="0.25">
      <c r="B202" s="13"/>
      <c r="C202" s="189" t="s">
        <v>1055</v>
      </c>
      <c r="D202" s="190"/>
      <c r="E202" s="190"/>
      <c r="F202" s="190"/>
      <c r="G202" s="190"/>
      <c r="H202" s="190"/>
      <c r="I202" s="191"/>
    </row>
    <row r="203" spans="2:9" x14ac:dyDescent="0.25">
      <c r="B203" s="8"/>
      <c r="C203" s="186" t="s">
        <v>1056</v>
      </c>
      <c r="D203" s="187"/>
      <c r="E203" s="187"/>
      <c r="F203" s="187"/>
      <c r="G203" s="187"/>
      <c r="H203" s="187"/>
      <c r="I203" s="188"/>
    </row>
    <row r="204" spans="2:9" x14ac:dyDescent="0.25">
      <c r="B204" s="8"/>
      <c r="C204" s="186" t="s">
        <v>1057</v>
      </c>
      <c r="D204" s="187"/>
      <c r="E204" s="187"/>
      <c r="F204" s="187"/>
      <c r="G204" s="187"/>
      <c r="H204" s="187"/>
      <c r="I204" s="188"/>
    </row>
    <row r="205" spans="2:9" x14ac:dyDescent="0.25">
      <c r="B205" s="8"/>
      <c r="C205" s="186" t="s">
        <v>1058</v>
      </c>
      <c r="D205" s="187"/>
      <c r="E205" s="187"/>
      <c r="F205" s="187"/>
      <c r="G205" s="187"/>
      <c r="H205" s="187"/>
      <c r="I205" s="188"/>
    </row>
    <row r="206" spans="2:9" x14ac:dyDescent="0.25">
      <c r="B206" s="8"/>
      <c r="C206" s="186" t="s">
        <v>1059</v>
      </c>
      <c r="D206" s="187"/>
      <c r="E206" s="187"/>
      <c r="F206" s="187"/>
      <c r="G206" s="187"/>
      <c r="H206" s="187"/>
      <c r="I206" s="188"/>
    </row>
    <row r="207" spans="2:9" x14ac:dyDescent="0.25">
      <c r="B207" s="8"/>
      <c r="C207" s="186" t="s">
        <v>1060</v>
      </c>
      <c r="D207" s="187"/>
      <c r="E207" s="187"/>
      <c r="F207" s="187"/>
      <c r="G207" s="187"/>
      <c r="H207" s="187"/>
      <c r="I207" s="188"/>
    </row>
    <row r="208" spans="2:9" x14ac:dyDescent="0.25">
      <c r="B208" s="8"/>
      <c r="C208" s="186" t="s">
        <v>1008</v>
      </c>
      <c r="D208" s="187"/>
      <c r="E208" s="187"/>
      <c r="F208" s="187"/>
      <c r="G208" s="187"/>
      <c r="H208" s="187"/>
      <c r="I208" s="188"/>
    </row>
    <row r="209" spans="2:9" ht="15.75" thickBot="1" x14ac:dyDescent="0.3"/>
    <row r="210" spans="2:9" ht="15.75" thickBot="1" x14ac:dyDescent="0.3">
      <c r="B210" s="253" t="s">
        <v>1072</v>
      </c>
      <c r="C210" s="254"/>
      <c r="D210" s="254"/>
      <c r="E210" s="254"/>
      <c r="F210" s="254"/>
      <c r="G210" s="254"/>
      <c r="H210" s="254"/>
      <c r="I210" s="255"/>
    </row>
    <row r="211" spans="2:9" ht="15.75" thickBot="1" x14ac:dyDescent="0.3">
      <c r="B211" s="311" t="s">
        <v>1073</v>
      </c>
      <c r="C211" s="257"/>
      <c r="D211" s="257"/>
      <c r="E211" s="257"/>
      <c r="F211" s="257"/>
      <c r="G211" s="257"/>
      <c r="H211" s="257"/>
      <c r="I211" s="258"/>
    </row>
    <row r="212" spans="2:9" x14ac:dyDescent="0.25">
      <c r="B212" s="13"/>
      <c r="C212" s="189" t="s">
        <v>1074</v>
      </c>
      <c r="D212" s="190"/>
      <c r="E212" s="190"/>
      <c r="F212" s="190"/>
      <c r="G212" s="190"/>
      <c r="H212" s="190"/>
      <c r="I212" s="191"/>
    </row>
    <row r="213" spans="2:9" x14ac:dyDescent="0.25">
      <c r="B213" s="8"/>
      <c r="C213" s="186" t="s">
        <v>1075</v>
      </c>
      <c r="D213" s="187"/>
      <c r="E213" s="187"/>
      <c r="F213" s="187"/>
      <c r="G213" s="187"/>
      <c r="H213" s="187"/>
      <c r="I213" s="188"/>
    </row>
    <row r="214" spans="2:9" x14ac:dyDescent="0.25">
      <c r="B214" s="8"/>
      <c r="C214" s="186" t="s">
        <v>1076</v>
      </c>
      <c r="D214" s="187"/>
      <c r="E214" s="187"/>
      <c r="F214" s="187"/>
      <c r="G214" s="187"/>
      <c r="H214" s="187"/>
      <c r="I214" s="188"/>
    </row>
    <row r="215" spans="2:9" x14ac:dyDescent="0.25">
      <c r="B215" s="8"/>
      <c r="C215" s="186" t="s">
        <v>1077</v>
      </c>
      <c r="D215" s="187"/>
      <c r="E215" s="187"/>
      <c r="F215" s="187"/>
      <c r="G215" s="187"/>
      <c r="H215" s="187"/>
      <c r="I215" s="188"/>
    </row>
    <row r="216" spans="2:9" x14ac:dyDescent="0.25">
      <c r="B216" s="8"/>
      <c r="C216" s="186" t="s">
        <v>949</v>
      </c>
      <c r="D216" s="187"/>
      <c r="E216" s="187"/>
      <c r="F216" s="187"/>
      <c r="G216" s="187"/>
      <c r="H216" s="187"/>
      <c r="I216" s="188"/>
    </row>
    <row r="217" spans="2:9" x14ac:dyDescent="0.25">
      <c r="B217" s="8"/>
      <c r="C217" s="186" t="s">
        <v>1078</v>
      </c>
      <c r="D217" s="187"/>
      <c r="E217" s="187"/>
      <c r="F217" s="187"/>
      <c r="G217" s="187"/>
      <c r="H217" s="187"/>
      <c r="I217" s="188"/>
    </row>
    <row r="218" spans="2:9" x14ac:dyDescent="0.25">
      <c r="B218" s="8"/>
      <c r="C218" s="186" t="s">
        <v>1079</v>
      </c>
      <c r="D218" s="187"/>
      <c r="E218" s="187"/>
      <c r="F218" s="187"/>
      <c r="G218" s="187"/>
      <c r="H218" s="187"/>
      <c r="I218" s="188"/>
    </row>
    <row r="219" spans="2:9" x14ac:dyDescent="0.25">
      <c r="B219" s="8"/>
      <c r="C219" s="186" t="s">
        <v>1080</v>
      </c>
      <c r="D219" s="187"/>
      <c r="E219" s="187"/>
      <c r="F219" s="187"/>
      <c r="G219" s="187"/>
      <c r="H219" s="187"/>
      <c r="I219" s="188"/>
    </row>
    <row r="220" spans="2:9" x14ac:dyDescent="0.25">
      <c r="B220" s="8"/>
      <c r="C220" s="186" t="s">
        <v>1081</v>
      </c>
      <c r="D220" s="187"/>
      <c r="E220" s="187"/>
      <c r="F220" s="187"/>
      <c r="G220" s="187"/>
      <c r="H220" s="187"/>
      <c r="I220" s="188"/>
    </row>
    <row r="221" spans="2:9" x14ac:dyDescent="0.25">
      <c r="B221" s="8"/>
      <c r="C221" s="186" t="s">
        <v>1082</v>
      </c>
      <c r="D221" s="187"/>
      <c r="E221" s="187"/>
      <c r="F221" s="187"/>
      <c r="G221" s="187"/>
      <c r="H221" s="187"/>
      <c r="I221" s="188"/>
    </row>
    <row r="222" spans="2:9" x14ac:dyDescent="0.25">
      <c r="B222" s="8"/>
      <c r="C222" s="186" t="s">
        <v>1083</v>
      </c>
      <c r="D222" s="187"/>
      <c r="E222" s="187"/>
      <c r="F222" s="187"/>
      <c r="G222" s="187"/>
      <c r="H222" s="187"/>
      <c r="I222" s="188"/>
    </row>
    <row r="223" spans="2:9" x14ac:dyDescent="0.25">
      <c r="B223" s="8"/>
      <c r="C223" s="186" t="s">
        <v>1084</v>
      </c>
      <c r="D223" s="187"/>
      <c r="E223" s="187"/>
      <c r="F223" s="187"/>
      <c r="G223" s="187"/>
      <c r="H223" s="187"/>
      <c r="I223" s="188"/>
    </row>
    <row r="224" spans="2:9" x14ac:dyDescent="0.25">
      <c r="B224" s="8"/>
      <c r="C224" s="186" t="s">
        <v>204</v>
      </c>
      <c r="D224" s="187"/>
      <c r="E224" s="187"/>
      <c r="F224" s="187"/>
      <c r="G224" s="187"/>
      <c r="H224" s="187"/>
      <c r="I224" s="188"/>
    </row>
    <row r="225" spans="2:9" x14ac:dyDescent="0.25">
      <c r="B225" s="8"/>
      <c r="C225" s="186" t="s">
        <v>1085</v>
      </c>
      <c r="D225" s="187"/>
      <c r="E225" s="187"/>
      <c r="F225" s="187"/>
      <c r="G225" s="187"/>
      <c r="H225" s="187"/>
      <c r="I225" s="188"/>
    </row>
    <row r="226" spans="2:9" x14ac:dyDescent="0.25">
      <c r="B226" s="8"/>
      <c r="C226" s="186" t="s">
        <v>1086</v>
      </c>
      <c r="D226" s="187"/>
      <c r="E226" s="187"/>
      <c r="F226" s="187"/>
      <c r="G226" s="187"/>
      <c r="H226" s="187"/>
      <c r="I226" s="188"/>
    </row>
    <row r="227" spans="2:9" ht="15.75" thickBot="1" x14ac:dyDescent="0.3">
      <c r="B227" s="39"/>
      <c r="C227" s="222" t="s">
        <v>1087</v>
      </c>
      <c r="D227" s="223"/>
      <c r="E227" s="223"/>
      <c r="F227" s="223"/>
      <c r="G227" s="223"/>
      <c r="H227" s="223"/>
      <c r="I227" s="224"/>
    </row>
    <row r="228" spans="2:9" ht="15.75" thickBot="1" x14ac:dyDescent="0.3"/>
    <row r="229" spans="2:9" ht="15.75" thickBot="1" x14ac:dyDescent="0.3">
      <c r="B229" s="253" t="s">
        <v>1061</v>
      </c>
      <c r="C229" s="254"/>
      <c r="D229" s="254"/>
      <c r="E229" s="254"/>
      <c r="F229" s="254"/>
      <c r="G229" s="254"/>
      <c r="H229" s="254"/>
      <c r="I229" s="255"/>
    </row>
    <row r="230" spans="2:9" ht="15.75" thickBot="1" x14ac:dyDescent="0.3">
      <c r="B230" s="311" t="s">
        <v>1062</v>
      </c>
      <c r="C230" s="257"/>
      <c r="D230" s="257"/>
      <c r="E230" s="257"/>
      <c r="F230" s="257"/>
      <c r="G230" s="257"/>
      <c r="H230" s="257"/>
      <c r="I230" s="258"/>
    </row>
    <row r="231" spans="2:9" x14ac:dyDescent="0.25">
      <c r="B231" s="13"/>
      <c r="C231" s="189" t="s">
        <v>1063</v>
      </c>
      <c r="D231" s="190"/>
      <c r="E231" s="190"/>
      <c r="F231" s="190"/>
      <c r="G231" s="190"/>
      <c r="H231" s="190"/>
      <c r="I231" s="191"/>
    </row>
    <row r="232" spans="2:9" x14ac:dyDescent="0.25">
      <c r="B232" s="8"/>
      <c r="C232" s="186" t="s">
        <v>1071</v>
      </c>
      <c r="D232" s="187"/>
      <c r="E232" s="187"/>
      <c r="F232" s="187"/>
      <c r="G232" s="187"/>
      <c r="H232" s="187"/>
      <c r="I232" s="188"/>
    </row>
    <row r="233" spans="2:9" x14ac:dyDescent="0.25">
      <c r="B233" s="8"/>
      <c r="C233" s="186" t="s">
        <v>1064</v>
      </c>
      <c r="D233" s="187"/>
      <c r="E233" s="187"/>
      <c r="F233" s="187"/>
      <c r="G233" s="187"/>
      <c r="H233" s="187"/>
      <c r="I233" s="188"/>
    </row>
    <row r="234" spans="2:9" x14ac:dyDescent="0.25">
      <c r="B234" s="8"/>
      <c r="C234" s="186" t="s">
        <v>1065</v>
      </c>
      <c r="D234" s="187"/>
      <c r="E234" s="187"/>
      <c r="F234" s="187"/>
      <c r="G234" s="187"/>
      <c r="H234" s="187"/>
      <c r="I234" s="188"/>
    </row>
    <row r="235" spans="2:9" x14ac:dyDescent="0.25">
      <c r="B235" s="8"/>
      <c r="C235" s="186" t="s">
        <v>1066</v>
      </c>
      <c r="D235" s="187"/>
      <c r="E235" s="187"/>
      <c r="F235" s="187"/>
      <c r="G235" s="187"/>
      <c r="H235" s="187"/>
      <c r="I235" s="188"/>
    </row>
    <row r="236" spans="2:9" x14ac:dyDescent="0.25">
      <c r="B236" s="8"/>
      <c r="C236" s="186" t="s">
        <v>1067</v>
      </c>
      <c r="D236" s="187"/>
      <c r="E236" s="187"/>
      <c r="F236" s="187"/>
      <c r="G236" s="187"/>
      <c r="H236" s="187"/>
      <c r="I236" s="188"/>
    </row>
    <row r="237" spans="2:9" x14ac:dyDescent="0.25">
      <c r="B237" s="8"/>
      <c r="C237" s="186" t="s">
        <v>1068</v>
      </c>
      <c r="D237" s="187"/>
      <c r="E237" s="187"/>
      <c r="F237" s="187"/>
      <c r="G237" s="187"/>
      <c r="H237" s="187"/>
      <c r="I237" s="188"/>
    </row>
    <row r="238" spans="2:9" x14ac:dyDescent="0.25">
      <c r="B238" s="8"/>
      <c r="C238" s="186" t="s">
        <v>1069</v>
      </c>
      <c r="D238" s="187"/>
      <c r="E238" s="187"/>
      <c r="F238" s="187"/>
      <c r="G238" s="187"/>
      <c r="H238" s="187"/>
      <c r="I238" s="188"/>
    </row>
    <row r="239" spans="2:9" ht="15.75" thickBot="1" x14ac:dyDescent="0.3">
      <c r="B239" s="39"/>
      <c r="C239" s="222" t="s">
        <v>1070</v>
      </c>
      <c r="D239" s="223"/>
      <c r="E239" s="223"/>
      <c r="F239" s="223"/>
      <c r="G239" s="223"/>
      <c r="H239" s="223"/>
      <c r="I239" s="224"/>
    </row>
    <row r="240" spans="2:9" ht="15.75" thickBot="1" x14ac:dyDescent="0.3"/>
    <row r="241" spans="2:9" ht="15.75" thickBot="1" x14ac:dyDescent="0.3">
      <c r="B241" s="253" t="s">
        <v>1088</v>
      </c>
      <c r="C241" s="254"/>
      <c r="D241" s="254"/>
      <c r="E241" s="254"/>
      <c r="F241" s="254"/>
      <c r="G241" s="254"/>
      <c r="H241" s="254"/>
      <c r="I241" s="255"/>
    </row>
    <row r="242" spans="2:9" ht="15.75" thickBot="1" x14ac:dyDescent="0.3">
      <c r="B242" s="311" t="s">
        <v>1089</v>
      </c>
      <c r="C242" s="257"/>
      <c r="D242" s="257"/>
      <c r="E242" s="257"/>
      <c r="F242" s="257"/>
      <c r="G242" s="257"/>
      <c r="H242" s="257"/>
      <c r="I242" s="258"/>
    </row>
    <row r="243" spans="2:9" x14ac:dyDescent="0.25">
      <c r="B243" s="13"/>
      <c r="C243" s="189" t="s">
        <v>1090</v>
      </c>
      <c r="D243" s="190"/>
      <c r="E243" s="190"/>
      <c r="F243" s="190"/>
      <c r="G243" s="190"/>
      <c r="H243" s="190"/>
      <c r="I243" s="191"/>
    </row>
    <row r="244" spans="2:9" x14ac:dyDescent="0.25">
      <c r="B244" s="8"/>
      <c r="C244" s="186" t="s">
        <v>1091</v>
      </c>
      <c r="D244" s="187"/>
      <c r="E244" s="187"/>
      <c r="F244" s="187"/>
      <c r="G244" s="187"/>
      <c r="H244" s="187"/>
      <c r="I244" s="188"/>
    </row>
    <row r="245" spans="2:9" x14ac:dyDescent="0.25">
      <c r="B245" s="8"/>
      <c r="C245" s="186" t="s">
        <v>1092</v>
      </c>
      <c r="D245" s="187"/>
      <c r="E245" s="187"/>
      <c r="F245" s="187"/>
      <c r="G245" s="187"/>
      <c r="H245" s="187"/>
      <c r="I245" s="188"/>
    </row>
    <row r="246" spans="2:9" x14ac:dyDescent="0.25">
      <c r="B246" s="8"/>
      <c r="C246" s="186" t="s">
        <v>1093</v>
      </c>
      <c r="D246" s="187"/>
      <c r="E246" s="187"/>
      <c r="F246" s="187"/>
      <c r="G246" s="187"/>
      <c r="H246" s="187"/>
      <c r="I246" s="188"/>
    </row>
    <row r="247" spans="2:9" x14ac:dyDescent="0.25">
      <c r="B247" s="8"/>
      <c r="C247" s="186" t="s">
        <v>1094</v>
      </c>
      <c r="D247" s="187"/>
      <c r="E247" s="187"/>
      <c r="F247" s="187"/>
      <c r="G247" s="187"/>
      <c r="H247" s="187"/>
      <c r="I247" s="188"/>
    </row>
    <row r="248" spans="2:9" x14ac:dyDescent="0.25">
      <c r="B248" s="8"/>
      <c r="C248" s="186" t="s">
        <v>1095</v>
      </c>
      <c r="D248" s="187"/>
      <c r="E248" s="187"/>
      <c r="F248" s="187"/>
      <c r="G248" s="187"/>
      <c r="H248" s="187"/>
      <c r="I248" s="188"/>
    </row>
    <row r="249" spans="2:9" x14ac:dyDescent="0.25">
      <c r="B249" s="8"/>
      <c r="C249" s="186" t="s">
        <v>1096</v>
      </c>
      <c r="D249" s="187"/>
      <c r="E249" s="187"/>
      <c r="F249" s="187"/>
      <c r="G249" s="187"/>
      <c r="H249" s="187"/>
      <c r="I249" s="188"/>
    </row>
    <row r="250" spans="2:9" x14ac:dyDescent="0.25">
      <c r="B250" s="8"/>
      <c r="C250" s="186" t="s">
        <v>1097</v>
      </c>
      <c r="D250" s="187"/>
      <c r="E250" s="187"/>
      <c r="F250" s="187"/>
      <c r="G250" s="187"/>
      <c r="H250" s="187"/>
      <c r="I250" s="188"/>
    </row>
    <row r="251" spans="2:9" x14ac:dyDescent="0.25">
      <c r="B251" s="8"/>
      <c r="C251" s="186" t="s">
        <v>1098</v>
      </c>
      <c r="D251" s="187"/>
      <c r="E251" s="187"/>
      <c r="F251" s="187"/>
      <c r="G251" s="187"/>
      <c r="H251" s="187"/>
      <c r="I251" s="188"/>
    </row>
    <row r="252" spans="2:9" x14ac:dyDescent="0.25">
      <c r="B252" s="8"/>
      <c r="C252" s="186" t="s">
        <v>1099</v>
      </c>
      <c r="D252" s="187"/>
      <c r="E252" s="187"/>
      <c r="F252" s="187"/>
      <c r="G252" s="187"/>
      <c r="H252" s="187"/>
      <c r="I252" s="188"/>
    </row>
    <row r="253" spans="2:9" ht="32.25" customHeight="1" x14ac:dyDescent="0.25">
      <c r="B253" s="8"/>
      <c r="C253" s="321" t="s">
        <v>1100</v>
      </c>
      <c r="D253" s="322"/>
      <c r="E253" s="322"/>
      <c r="F253" s="322"/>
      <c r="G253" s="322"/>
      <c r="H253" s="322"/>
      <c r="I253" s="323"/>
    </row>
    <row r="254" spans="2:9" ht="15.75" thickBot="1" x14ac:dyDescent="0.3">
      <c r="B254" s="39"/>
      <c r="C254" s="222" t="s">
        <v>1101</v>
      </c>
      <c r="D254" s="223"/>
      <c r="E254" s="223"/>
      <c r="F254" s="223"/>
      <c r="G254" s="223"/>
      <c r="H254" s="223"/>
      <c r="I254" s="224"/>
    </row>
    <row r="255" spans="2:9" ht="15.75" thickBot="1" x14ac:dyDescent="0.3"/>
    <row r="256" spans="2:9" ht="15.75" thickBot="1" x14ac:dyDescent="0.3">
      <c r="B256" s="253" t="s">
        <v>1143</v>
      </c>
      <c r="C256" s="254"/>
      <c r="D256" s="254"/>
      <c r="E256" s="254"/>
      <c r="F256" s="254"/>
      <c r="G256" s="254"/>
      <c r="H256" s="254"/>
      <c r="I256" s="255"/>
    </row>
    <row r="257" spans="2:9" ht="15.75" thickBot="1" x14ac:dyDescent="0.3">
      <c r="B257" s="311" t="s">
        <v>1144</v>
      </c>
      <c r="C257" s="257"/>
      <c r="D257" s="257"/>
      <c r="E257" s="257"/>
      <c r="F257" s="257"/>
      <c r="G257" s="257"/>
      <c r="H257" s="257"/>
      <c r="I257" s="258"/>
    </row>
    <row r="258" spans="2:9" x14ac:dyDescent="0.25">
      <c r="B258" s="13"/>
      <c r="C258" s="189" t="s">
        <v>1145</v>
      </c>
      <c r="D258" s="190"/>
      <c r="E258" s="190"/>
      <c r="F258" s="190"/>
      <c r="G258" s="190"/>
      <c r="H258" s="190"/>
      <c r="I258" s="191"/>
    </row>
    <row r="259" spans="2:9" x14ac:dyDescent="0.25">
      <c r="B259" s="8"/>
      <c r="C259" s="186" t="s">
        <v>1146</v>
      </c>
      <c r="D259" s="187"/>
      <c r="E259" s="187"/>
      <c r="F259" s="187"/>
      <c r="G259" s="187"/>
      <c r="H259" s="187"/>
      <c r="I259" s="188"/>
    </row>
    <row r="260" spans="2:9" x14ac:dyDescent="0.25">
      <c r="B260" s="8"/>
      <c r="C260" s="186" t="s">
        <v>1147</v>
      </c>
      <c r="D260" s="187"/>
      <c r="E260" s="187"/>
      <c r="F260" s="187"/>
      <c r="G260" s="187"/>
      <c r="H260" s="187"/>
      <c r="I260" s="188"/>
    </row>
    <row r="261" spans="2:9" x14ac:dyDescent="0.25">
      <c r="B261" s="8"/>
      <c r="C261" s="186" t="s">
        <v>1148</v>
      </c>
      <c r="D261" s="187"/>
      <c r="E261" s="187"/>
      <c r="F261" s="187"/>
      <c r="G261" s="187"/>
      <c r="H261" s="187"/>
      <c r="I261" s="188"/>
    </row>
    <row r="262" spans="2:9" ht="15.75" thickBot="1" x14ac:dyDescent="0.3">
      <c r="B262" s="39"/>
      <c r="C262" s="222" t="s">
        <v>1149</v>
      </c>
      <c r="D262" s="223"/>
      <c r="E262" s="223"/>
      <c r="F262" s="223"/>
      <c r="G262" s="223"/>
      <c r="H262" s="223"/>
      <c r="I262" s="224"/>
    </row>
    <row r="263" spans="2:9" ht="15.75" thickBot="1" x14ac:dyDescent="0.3"/>
    <row r="264" spans="2:9" ht="15.75" thickBot="1" x14ac:dyDescent="0.3">
      <c r="B264" s="253" t="s">
        <v>1175</v>
      </c>
      <c r="C264" s="254"/>
      <c r="D264" s="254"/>
      <c r="E264" s="254"/>
      <c r="F264" s="254"/>
      <c r="G264" s="254"/>
      <c r="H264" s="254"/>
      <c r="I264" s="255"/>
    </row>
    <row r="265" spans="2:9" ht="15.75" thickBot="1" x14ac:dyDescent="0.3">
      <c r="B265" s="311" t="s">
        <v>1176</v>
      </c>
      <c r="C265" s="257"/>
      <c r="D265" s="257"/>
      <c r="E265" s="257"/>
      <c r="F265" s="257"/>
      <c r="G265" s="257"/>
      <c r="H265" s="257"/>
      <c r="I265" s="258"/>
    </row>
    <row r="266" spans="2:9" x14ac:dyDescent="0.25">
      <c r="B266" s="13"/>
      <c r="C266" s="189" t="s">
        <v>1177</v>
      </c>
      <c r="D266" s="190"/>
      <c r="E266" s="190"/>
      <c r="F266" s="190"/>
      <c r="G266" s="190"/>
      <c r="H266" s="190"/>
      <c r="I266" s="191"/>
    </row>
    <row r="267" spans="2:9" x14ac:dyDescent="0.25">
      <c r="B267" s="8"/>
      <c r="C267" s="186" t="s">
        <v>1178</v>
      </c>
      <c r="D267" s="187"/>
      <c r="E267" s="187"/>
      <c r="F267" s="187"/>
      <c r="G267" s="187"/>
      <c r="H267" s="187"/>
      <c r="I267" s="188"/>
    </row>
    <row r="268" spans="2:9" x14ac:dyDescent="0.25">
      <c r="B268" s="8"/>
      <c r="C268" s="186" t="s">
        <v>196</v>
      </c>
      <c r="D268" s="187"/>
      <c r="E268" s="187"/>
      <c r="F268" s="187"/>
      <c r="G268" s="187"/>
      <c r="H268" s="187"/>
      <c r="I268" s="188"/>
    </row>
    <row r="269" spans="2:9" ht="15.75" thickBot="1" x14ac:dyDescent="0.3">
      <c r="B269" s="39"/>
      <c r="C269" s="222" t="s">
        <v>1179</v>
      </c>
      <c r="D269" s="223"/>
      <c r="E269" s="223"/>
      <c r="F269" s="223"/>
      <c r="G269" s="223"/>
      <c r="H269" s="223"/>
      <c r="I269" s="224"/>
    </row>
    <row r="270" spans="2:9" ht="15.75" thickBot="1" x14ac:dyDescent="0.3"/>
    <row r="271" spans="2:9" ht="15.75" thickBot="1" x14ac:dyDescent="0.3">
      <c r="B271" s="253" t="s">
        <v>1102</v>
      </c>
      <c r="C271" s="254"/>
      <c r="D271" s="254"/>
      <c r="E271" s="254"/>
      <c r="F271" s="254"/>
      <c r="G271" s="254"/>
      <c r="H271" s="254"/>
      <c r="I271" s="255"/>
    </row>
    <row r="272" spans="2:9" ht="31.5" customHeight="1" thickBot="1" x14ac:dyDescent="0.3">
      <c r="B272" s="312" t="s">
        <v>1103</v>
      </c>
      <c r="C272" s="313"/>
      <c r="D272" s="313"/>
      <c r="E272" s="313"/>
      <c r="F272" s="313"/>
      <c r="G272" s="313"/>
      <c r="H272" s="313"/>
      <c r="I272" s="314"/>
    </row>
    <row r="273" spans="2:9" x14ac:dyDescent="0.25">
      <c r="B273" s="13"/>
      <c r="C273" s="189" t="s">
        <v>1104</v>
      </c>
      <c r="D273" s="190"/>
      <c r="E273" s="190"/>
      <c r="F273" s="190"/>
      <c r="G273" s="190"/>
      <c r="H273" s="190"/>
      <c r="I273" s="191"/>
    </row>
    <row r="274" spans="2:9" x14ac:dyDescent="0.25">
      <c r="B274" s="8"/>
      <c r="C274" s="186" t="s">
        <v>1105</v>
      </c>
      <c r="D274" s="187"/>
      <c r="E274" s="187"/>
      <c r="F274" s="187"/>
      <c r="G274" s="187"/>
      <c r="H274" s="187"/>
      <c r="I274" s="188"/>
    </row>
    <row r="275" spans="2:9" x14ac:dyDescent="0.25">
      <c r="B275" s="8"/>
      <c r="C275" s="186" t="s">
        <v>1106</v>
      </c>
      <c r="D275" s="187"/>
      <c r="E275" s="187"/>
      <c r="F275" s="187"/>
      <c r="G275" s="187"/>
      <c r="H275" s="187"/>
      <c r="I275" s="188"/>
    </row>
    <row r="276" spans="2:9" x14ac:dyDescent="0.25">
      <c r="B276" s="8"/>
      <c r="C276" s="186" t="s">
        <v>1107</v>
      </c>
      <c r="D276" s="187"/>
      <c r="E276" s="187"/>
      <c r="F276" s="187"/>
      <c r="G276" s="187"/>
      <c r="H276" s="187"/>
      <c r="I276" s="188"/>
    </row>
    <row r="277" spans="2:9" x14ac:dyDescent="0.25">
      <c r="B277" s="8"/>
      <c r="C277" s="186" t="s">
        <v>1108</v>
      </c>
      <c r="D277" s="187"/>
      <c r="E277" s="187"/>
      <c r="F277" s="187"/>
      <c r="G277" s="187"/>
      <c r="H277" s="187"/>
      <c r="I277" s="188"/>
    </row>
    <row r="278" spans="2:9" x14ac:dyDescent="0.25">
      <c r="B278" s="8"/>
      <c r="C278" s="186" t="s">
        <v>1109</v>
      </c>
      <c r="D278" s="187"/>
      <c r="E278" s="187"/>
      <c r="F278" s="187"/>
      <c r="G278" s="187"/>
      <c r="H278" s="187"/>
      <c r="I278" s="188"/>
    </row>
    <row r="279" spans="2:9" x14ac:dyDescent="0.25">
      <c r="B279" s="8"/>
      <c r="C279" s="186" t="s">
        <v>1110</v>
      </c>
      <c r="D279" s="187"/>
      <c r="E279" s="187"/>
      <c r="F279" s="187"/>
      <c r="G279" s="187"/>
      <c r="H279" s="187"/>
      <c r="I279" s="188"/>
    </row>
    <row r="280" spans="2:9" x14ac:dyDescent="0.25">
      <c r="B280" s="8"/>
      <c r="C280" s="186" t="s">
        <v>1111</v>
      </c>
      <c r="D280" s="187"/>
      <c r="E280" s="187"/>
      <c r="F280" s="187"/>
      <c r="G280" s="187"/>
      <c r="H280" s="187"/>
      <c r="I280" s="188"/>
    </row>
    <row r="281" spans="2:9" x14ac:dyDescent="0.25">
      <c r="B281" s="8"/>
      <c r="C281" s="186" t="s">
        <v>1112</v>
      </c>
      <c r="D281" s="187"/>
      <c r="E281" s="187"/>
      <c r="F281" s="187"/>
      <c r="G281" s="187"/>
      <c r="H281" s="187"/>
      <c r="I281" s="188"/>
    </row>
    <row r="282" spans="2:9" x14ac:dyDescent="0.25">
      <c r="B282" s="8"/>
      <c r="C282" s="186" t="s">
        <v>1113</v>
      </c>
      <c r="D282" s="187"/>
      <c r="E282" s="187"/>
      <c r="F282" s="187"/>
      <c r="G282" s="187"/>
      <c r="H282" s="187"/>
      <c r="I282" s="188"/>
    </row>
    <row r="283" spans="2:9" x14ac:dyDescent="0.25">
      <c r="B283" s="8"/>
      <c r="C283" s="186" t="s">
        <v>1114</v>
      </c>
      <c r="D283" s="187"/>
      <c r="E283" s="187"/>
      <c r="F283" s="187"/>
      <c r="G283" s="187"/>
      <c r="H283" s="187"/>
      <c r="I283" s="188"/>
    </row>
    <row r="284" spans="2:9" x14ac:dyDescent="0.25">
      <c r="B284" s="8"/>
      <c r="C284" s="186" t="s">
        <v>1115</v>
      </c>
      <c r="D284" s="187"/>
      <c r="E284" s="187"/>
      <c r="F284" s="187"/>
      <c r="G284" s="187"/>
      <c r="H284" s="187"/>
      <c r="I284" s="188"/>
    </row>
    <row r="285" spans="2:9" x14ac:dyDescent="0.25">
      <c r="B285" s="8"/>
      <c r="C285" s="186" t="s">
        <v>1116</v>
      </c>
      <c r="D285" s="187"/>
      <c r="E285" s="187"/>
      <c r="F285" s="187"/>
      <c r="G285" s="187"/>
      <c r="H285" s="187"/>
      <c r="I285" s="188"/>
    </row>
    <row r="286" spans="2:9" x14ac:dyDescent="0.25">
      <c r="B286" s="45"/>
      <c r="C286" s="247" t="s">
        <v>1117</v>
      </c>
      <c r="D286" s="248"/>
      <c r="E286" s="248"/>
      <c r="F286" s="248"/>
      <c r="G286" s="248"/>
      <c r="H286" s="248"/>
      <c r="I286" s="249"/>
    </row>
    <row r="287" spans="2:9" x14ac:dyDescent="0.25">
      <c r="B287" s="6"/>
      <c r="C287" s="186" t="s">
        <v>1118</v>
      </c>
      <c r="D287" s="187"/>
      <c r="E287" s="187"/>
      <c r="F287" s="187"/>
      <c r="G287" s="187"/>
      <c r="H287" s="187"/>
      <c r="I287" s="188"/>
    </row>
    <row r="288" spans="2:9" x14ac:dyDescent="0.25">
      <c r="B288" s="6"/>
      <c r="C288" s="186" t="s">
        <v>1119</v>
      </c>
      <c r="D288" s="187"/>
      <c r="E288" s="187"/>
      <c r="F288" s="187"/>
      <c r="G288" s="187"/>
      <c r="H288" s="187"/>
      <c r="I288" s="188"/>
    </row>
    <row r="289" spans="2:9" x14ac:dyDescent="0.25">
      <c r="B289" s="8"/>
      <c r="C289" s="186" t="s">
        <v>1120</v>
      </c>
      <c r="D289" s="187"/>
      <c r="E289" s="187"/>
      <c r="F289" s="187"/>
      <c r="G289" s="187"/>
      <c r="H289" s="187"/>
      <c r="I289" s="188"/>
    </row>
    <row r="290" spans="2:9" x14ac:dyDescent="0.25">
      <c r="B290" s="8"/>
      <c r="C290" s="186" t="s">
        <v>1121</v>
      </c>
      <c r="D290" s="187"/>
      <c r="E290" s="187"/>
      <c r="F290" s="187"/>
      <c r="G290" s="187"/>
      <c r="H290" s="187"/>
      <c r="I290" s="188"/>
    </row>
    <row r="291" spans="2:9" x14ac:dyDescent="0.25">
      <c r="B291" s="8"/>
      <c r="C291" s="186" t="s">
        <v>1122</v>
      </c>
      <c r="D291" s="187"/>
      <c r="E291" s="187"/>
      <c r="F291" s="187"/>
      <c r="G291" s="187"/>
      <c r="H291" s="187"/>
      <c r="I291" s="188"/>
    </row>
    <row r="292" spans="2:9" x14ac:dyDescent="0.25">
      <c r="B292" s="8"/>
      <c r="C292" s="186" t="s">
        <v>1123</v>
      </c>
      <c r="D292" s="187"/>
      <c r="E292" s="187"/>
      <c r="F292" s="187"/>
      <c r="G292" s="187"/>
      <c r="H292" s="187"/>
      <c r="I292" s="188"/>
    </row>
    <row r="293" spans="2:9" x14ac:dyDescent="0.25">
      <c r="B293" s="8"/>
      <c r="C293" s="186" t="s">
        <v>1124</v>
      </c>
      <c r="D293" s="187"/>
      <c r="E293" s="187"/>
      <c r="F293" s="187"/>
      <c r="G293" s="187"/>
      <c r="H293" s="187"/>
      <c r="I293" s="188"/>
    </row>
    <row r="294" spans="2:9" x14ac:dyDescent="0.25">
      <c r="B294" s="8"/>
      <c r="C294" s="186" t="s">
        <v>1125</v>
      </c>
      <c r="D294" s="187"/>
      <c r="E294" s="187"/>
      <c r="F294" s="187"/>
      <c r="G294" s="187"/>
      <c r="H294" s="187"/>
      <c r="I294" s="188"/>
    </row>
    <row r="295" spans="2:9" x14ac:dyDescent="0.25">
      <c r="B295" s="45"/>
      <c r="C295" s="247" t="s">
        <v>1126</v>
      </c>
      <c r="D295" s="248"/>
      <c r="E295" s="248"/>
      <c r="F295" s="248"/>
      <c r="G295" s="248"/>
      <c r="H295" s="248"/>
      <c r="I295" s="249"/>
    </row>
    <row r="296" spans="2:9" x14ac:dyDescent="0.25">
      <c r="B296" s="6"/>
      <c r="C296" s="186" t="s">
        <v>1127</v>
      </c>
      <c r="D296" s="187"/>
      <c r="E296" s="187"/>
      <c r="F296" s="187"/>
      <c r="G296" s="187"/>
      <c r="H296" s="187"/>
      <c r="I296" s="188"/>
    </row>
    <row r="297" spans="2:9" x14ac:dyDescent="0.25">
      <c r="B297" s="8"/>
      <c r="C297" s="186" t="s">
        <v>1128</v>
      </c>
      <c r="D297" s="187"/>
      <c r="E297" s="187"/>
      <c r="F297" s="187"/>
      <c r="G297" s="187"/>
      <c r="H297" s="187"/>
      <c r="I297" s="188"/>
    </row>
    <row r="298" spans="2:9" x14ac:dyDescent="0.25">
      <c r="B298" s="8"/>
      <c r="C298" s="186" t="s">
        <v>1129</v>
      </c>
      <c r="D298" s="187"/>
      <c r="E298" s="187"/>
      <c r="F298" s="187"/>
      <c r="G298" s="187"/>
      <c r="H298" s="187"/>
      <c r="I298" s="188"/>
    </row>
    <row r="299" spans="2:9" x14ac:dyDescent="0.25">
      <c r="B299" s="8"/>
      <c r="C299" s="186" t="s">
        <v>1130</v>
      </c>
      <c r="D299" s="187"/>
      <c r="E299" s="187"/>
      <c r="F299" s="187"/>
      <c r="G299" s="187"/>
      <c r="H299" s="187"/>
      <c r="I299" s="188"/>
    </row>
    <row r="300" spans="2:9" x14ac:dyDescent="0.25">
      <c r="B300" s="8"/>
      <c r="C300" s="186" t="s">
        <v>1131</v>
      </c>
      <c r="D300" s="187"/>
      <c r="E300" s="187"/>
      <c r="F300" s="187"/>
      <c r="G300" s="187"/>
      <c r="H300" s="187"/>
      <c r="I300" s="188"/>
    </row>
    <row r="301" spans="2:9" x14ac:dyDescent="0.25">
      <c r="B301" s="8"/>
      <c r="C301" s="186" t="s">
        <v>1132</v>
      </c>
      <c r="D301" s="187"/>
      <c r="E301" s="187"/>
      <c r="F301" s="187"/>
      <c r="G301" s="187"/>
      <c r="H301" s="187"/>
      <c r="I301" s="188"/>
    </row>
    <row r="302" spans="2:9" x14ac:dyDescent="0.25">
      <c r="B302" s="8"/>
      <c r="C302" s="186" t="s">
        <v>1133</v>
      </c>
      <c r="D302" s="187"/>
      <c r="E302" s="187"/>
      <c r="F302" s="187"/>
      <c r="G302" s="187"/>
      <c r="H302" s="187"/>
      <c r="I302" s="188"/>
    </row>
    <row r="303" spans="2:9" x14ac:dyDescent="0.25">
      <c r="B303" s="8"/>
      <c r="C303" s="186" t="s">
        <v>1134</v>
      </c>
      <c r="D303" s="187"/>
      <c r="E303" s="187"/>
      <c r="F303" s="187"/>
      <c r="G303" s="187"/>
      <c r="H303" s="187"/>
      <c r="I303" s="188"/>
    </row>
    <row r="304" spans="2:9" x14ac:dyDescent="0.25">
      <c r="B304" s="8"/>
      <c r="C304" s="186" t="s">
        <v>1135</v>
      </c>
      <c r="D304" s="187"/>
      <c r="E304" s="187"/>
      <c r="F304" s="187"/>
      <c r="G304" s="187"/>
      <c r="H304" s="187"/>
      <c r="I304" s="188"/>
    </row>
    <row r="305" spans="2:9" x14ac:dyDescent="0.25">
      <c r="B305" s="8"/>
      <c r="C305" s="186" t="s">
        <v>1136</v>
      </c>
      <c r="D305" s="187"/>
      <c r="E305" s="187"/>
      <c r="F305" s="187"/>
      <c r="G305" s="187"/>
      <c r="H305" s="187"/>
      <c r="I305" s="188"/>
    </row>
    <row r="306" spans="2:9" x14ac:dyDescent="0.25">
      <c r="B306" s="8"/>
      <c r="C306" s="186" t="s">
        <v>1137</v>
      </c>
      <c r="D306" s="187"/>
      <c r="E306" s="187"/>
      <c r="F306" s="187"/>
      <c r="G306" s="187"/>
      <c r="H306" s="187"/>
      <c r="I306" s="188"/>
    </row>
    <row r="307" spans="2:9" x14ac:dyDescent="0.25">
      <c r="B307" s="8"/>
      <c r="C307" s="186" t="s">
        <v>1138</v>
      </c>
      <c r="D307" s="187"/>
      <c r="E307" s="187"/>
      <c r="F307" s="187"/>
      <c r="G307" s="187"/>
      <c r="H307" s="187"/>
      <c r="I307" s="188"/>
    </row>
    <row r="308" spans="2:9" x14ac:dyDescent="0.25">
      <c r="B308" s="8"/>
      <c r="C308" s="186" t="s">
        <v>1139</v>
      </c>
      <c r="D308" s="187"/>
      <c r="E308" s="187"/>
      <c r="F308" s="187"/>
      <c r="G308" s="187"/>
      <c r="H308" s="187"/>
      <c r="I308" s="188"/>
    </row>
    <row r="309" spans="2:9" x14ac:dyDescent="0.25">
      <c r="B309" s="8"/>
      <c r="C309" s="186" t="s">
        <v>1140</v>
      </c>
      <c r="D309" s="187"/>
      <c r="E309" s="187"/>
      <c r="F309" s="187"/>
      <c r="G309" s="187"/>
      <c r="H309" s="187"/>
      <c r="I309" s="188"/>
    </row>
    <row r="310" spans="2:9" x14ac:dyDescent="0.25">
      <c r="B310" s="45"/>
      <c r="C310" s="247" t="s">
        <v>1141</v>
      </c>
      <c r="D310" s="248"/>
      <c r="E310" s="248"/>
      <c r="F310" s="248"/>
      <c r="G310" s="248"/>
      <c r="H310" s="248"/>
      <c r="I310" s="249"/>
    </row>
    <row r="311" spans="2:9" ht="15.75" thickBot="1" x14ac:dyDescent="0.3">
      <c r="B311" s="7"/>
      <c r="C311" s="222" t="s">
        <v>1142</v>
      </c>
      <c r="D311" s="223"/>
      <c r="E311" s="223"/>
      <c r="F311" s="223"/>
      <c r="G311" s="223"/>
      <c r="H311" s="223"/>
      <c r="I311" s="224"/>
    </row>
    <row r="312" spans="2:9" ht="15.75" thickBot="1" x14ac:dyDescent="0.3"/>
    <row r="313" spans="2:9" ht="15.75" thickBot="1" x14ac:dyDescent="0.3">
      <c r="B313" s="253" t="s">
        <v>1022</v>
      </c>
      <c r="C313" s="254"/>
      <c r="D313" s="254"/>
      <c r="E313" s="254"/>
      <c r="F313" s="254"/>
      <c r="G313" s="254"/>
      <c r="H313" s="254"/>
      <c r="I313" s="255"/>
    </row>
    <row r="314" spans="2:9" ht="15.75" thickBot="1" x14ac:dyDescent="0.3">
      <c r="B314" s="311" t="s">
        <v>1023</v>
      </c>
      <c r="C314" s="257"/>
      <c r="D314" s="257"/>
      <c r="E314" s="257"/>
      <c r="F314" s="257"/>
      <c r="G314" s="257"/>
      <c r="H314" s="257"/>
      <c r="I314" s="258"/>
    </row>
    <row r="315" spans="2:9" x14ac:dyDescent="0.25">
      <c r="B315" s="13"/>
      <c r="C315" s="189" t="s">
        <v>1024</v>
      </c>
      <c r="D315" s="190"/>
      <c r="E315" s="190"/>
      <c r="F315" s="190"/>
      <c r="G315" s="190"/>
      <c r="H315" s="190"/>
      <c r="I315" s="191"/>
    </row>
    <row r="316" spans="2:9" x14ac:dyDescent="0.25">
      <c r="B316" s="8"/>
      <c r="C316" s="186" t="s">
        <v>1025</v>
      </c>
      <c r="D316" s="187"/>
      <c r="E316" s="187"/>
      <c r="F316" s="187"/>
      <c r="G316" s="187"/>
      <c r="H316" s="187"/>
      <c r="I316" s="188"/>
    </row>
    <row r="317" spans="2:9" x14ac:dyDescent="0.25">
      <c r="B317" s="8"/>
      <c r="C317" s="186" t="s">
        <v>1026</v>
      </c>
      <c r="D317" s="187"/>
      <c r="E317" s="187"/>
      <c r="F317" s="187"/>
      <c r="G317" s="187"/>
      <c r="H317" s="187"/>
      <c r="I317" s="188"/>
    </row>
    <row r="318" spans="2:9" x14ac:dyDescent="0.25">
      <c r="B318" s="8"/>
      <c r="C318" s="186" t="s">
        <v>1027</v>
      </c>
      <c r="D318" s="187"/>
      <c r="E318" s="187"/>
      <c r="F318" s="187"/>
      <c r="G318" s="187"/>
      <c r="H318" s="187"/>
      <c r="I318" s="188"/>
    </row>
    <row r="319" spans="2:9" x14ac:dyDescent="0.25">
      <c r="B319" s="8"/>
      <c r="C319" s="186" t="s">
        <v>1028</v>
      </c>
      <c r="D319" s="187"/>
      <c r="E319" s="187"/>
      <c r="F319" s="187"/>
      <c r="G319" s="187"/>
      <c r="H319" s="187"/>
      <c r="I319" s="188"/>
    </row>
    <row r="320" spans="2:9" x14ac:dyDescent="0.25">
      <c r="B320" s="8"/>
      <c r="C320" s="186" t="s">
        <v>1029</v>
      </c>
      <c r="D320" s="187"/>
      <c r="E320" s="187"/>
      <c r="F320" s="187"/>
      <c r="G320" s="187"/>
      <c r="H320" s="187"/>
      <c r="I320" s="188"/>
    </row>
    <row r="321" spans="2:9" x14ac:dyDescent="0.25">
      <c r="B321" s="8"/>
      <c r="C321" s="186" t="s">
        <v>1030</v>
      </c>
      <c r="D321" s="187"/>
      <c r="E321" s="187"/>
      <c r="F321" s="187"/>
      <c r="G321" s="187"/>
      <c r="H321" s="187"/>
      <c r="I321" s="188"/>
    </row>
    <row r="322" spans="2:9" x14ac:dyDescent="0.25">
      <c r="B322" s="8"/>
      <c r="C322" s="186" t="s">
        <v>1031</v>
      </c>
      <c r="D322" s="187"/>
      <c r="E322" s="187"/>
      <c r="F322" s="187"/>
      <c r="G322" s="187"/>
      <c r="H322" s="187"/>
      <c r="I322" s="188"/>
    </row>
    <row r="323" spans="2:9" x14ac:dyDescent="0.25">
      <c r="B323" s="8"/>
      <c r="C323" s="186" t="s">
        <v>1032</v>
      </c>
      <c r="D323" s="187"/>
      <c r="E323" s="187"/>
      <c r="F323" s="187"/>
      <c r="G323" s="187"/>
      <c r="H323" s="187"/>
      <c r="I323" s="188"/>
    </row>
    <row r="324" spans="2:9" x14ac:dyDescent="0.25">
      <c r="B324" s="8"/>
      <c r="C324" s="186" t="s">
        <v>1033</v>
      </c>
      <c r="D324" s="187"/>
      <c r="E324" s="187"/>
      <c r="F324" s="187"/>
      <c r="G324" s="187"/>
      <c r="H324" s="187"/>
      <c r="I324" s="188"/>
    </row>
    <row r="325" spans="2:9" x14ac:dyDescent="0.25">
      <c r="B325" s="8"/>
      <c r="C325" s="186" t="s">
        <v>1034</v>
      </c>
      <c r="D325" s="187"/>
      <c r="E325" s="187"/>
      <c r="F325" s="187"/>
      <c r="G325" s="187"/>
      <c r="H325" s="187"/>
      <c r="I325" s="188"/>
    </row>
    <row r="326" spans="2:9" x14ac:dyDescent="0.25">
      <c r="B326" s="8"/>
      <c r="C326" s="186" t="s">
        <v>1035</v>
      </c>
      <c r="D326" s="187"/>
      <c r="E326" s="187"/>
      <c r="F326" s="187"/>
      <c r="G326" s="187"/>
      <c r="H326" s="187"/>
      <c r="I326" s="188"/>
    </row>
    <row r="327" spans="2:9" x14ac:dyDescent="0.25">
      <c r="B327" s="8"/>
      <c r="C327" s="186" t="s">
        <v>1036</v>
      </c>
      <c r="D327" s="187"/>
      <c r="E327" s="187"/>
      <c r="F327" s="187"/>
      <c r="G327" s="187"/>
      <c r="H327" s="187"/>
      <c r="I327" s="188"/>
    </row>
    <row r="328" spans="2:9" x14ac:dyDescent="0.25">
      <c r="B328" s="8"/>
      <c r="C328" s="186" t="s">
        <v>1037</v>
      </c>
      <c r="D328" s="187"/>
      <c r="E328" s="187"/>
      <c r="F328" s="187"/>
      <c r="G328" s="187"/>
      <c r="H328" s="187"/>
      <c r="I328" s="188"/>
    </row>
    <row r="329" spans="2:9" x14ac:dyDescent="0.25">
      <c r="B329" s="8"/>
      <c r="C329" s="186" t="s">
        <v>1038</v>
      </c>
      <c r="D329" s="187"/>
      <c r="E329" s="187"/>
      <c r="F329" s="187"/>
      <c r="G329" s="187"/>
      <c r="H329" s="187"/>
      <c r="I329" s="188"/>
    </row>
    <row r="330" spans="2:9" x14ac:dyDescent="0.25">
      <c r="B330" s="45"/>
      <c r="C330" s="247" t="s">
        <v>1039</v>
      </c>
      <c r="D330" s="248"/>
      <c r="E330" s="248"/>
      <c r="F330" s="248"/>
      <c r="G330" s="248"/>
      <c r="H330" s="248"/>
      <c r="I330" s="249"/>
    </row>
    <row r="331" spans="2:9" x14ac:dyDescent="0.25">
      <c r="B331" s="6"/>
      <c r="C331" s="186" t="s">
        <v>1040</v>
      </c>
      <c r="D331" s="187"/>
      <c r="E331" s="187"/>
      <c r="F331" s="187"/>
      <c r="G331" s="187"/>
      <c r="H331" s="187"/>
      <c r="I331" s="188"/>
    </row>
    <row r="332" spans="2:9" x14ac:dyDescent="0.25">
      <c r="B332" s="8"/>
      <c r="C332" s="186" t="s">
        <v>1041</v>
      </c>
      <c r="D332" s="187"/>
      <c r="E332" s="187"/>
      <c r="F332" s="187"/>
      <c r="G332" s="187"/>
      <c r="H332" s="187"/>
      <c r="I332" s="188"/>
    </row>
    <row r="333" spans="2:9" x14ac:dyDescent="0.25">
      <c r="B333" s="8"/>
      <c r="C333" s="186" t="s">
        <v>1048</v>
      </c>
      <c r="D333" s="187"/>
      <c r="E333" s="187"/>
      <c r="F333" s="187"/>
      <c r="G333" s="187"/>
      <c r="H333" s="187"/>
      <c r="I333" s="188"/>
    </row>
    <row r="334" spans="2:9" ht="15.75" thickBot="1" x14ac:dyDescent="0.3"/>
    <row r="335" spans="2:9" ht="15.75" thickBot="1" x14ac:dyDescent="0.3">
      <c r="B335" s="253" t="s">
        <v>1209</v>
      </c>
      <c r="C335" s="254"/>
      <c r="D335" s="254"/>
      <c r="E335" s="254"/>
      <c r="F335" s="254"/>
      <c r="G335" s="254"/>
      <c r="H335" s="254"/>
      <c r="I335" s="255"/>
    </row>
    <row r="336" spans="2:9" ht="15.75" thickBot="1" x14ac:dyDescent="0.3">
      <c r="B336" s="311" t="s">
        <v>1210</v>
      </c>
      <c r="C336" s="257"/>
      <c r="D336" s="257"/>
      <c r="E336" s="257"/>
      <c r="F336" s="257"/>
      <c r="G336" s="257"/>
      <c r="H336" s="257"/>
      <c r="I336" s="258"/>
    </row>
    <row r="337" spans="2:12" x14ac:dyDescent="0.25">
      <c r="B337" s="13"/>
      <c r="C337" s="189" t="s">
        <v>1211</v>
      </c>
      <c r="D337" s="190"/>
      <c r="E337" s="190"/>
      <c r="F337" s="190"/>
      <c r="G337" s="190"/>
      <c r="H337" s="190"/>
      <c r="I337" s="52"/>
    </row>
    <row r="338" spans="2:12" x14ac:dyDescent="0.25">
      <c r="B338" s="8"/>
      <c r="C338" s="186" t="s">
        <v>1212</v>
      </c>
      <c r="D338" s="187"/>
      <c r="E338" s="187"/>
      <c r="F338" s="187"/>
      <c r="G338" s="187"/>
      <c r="H338" s="187"/>
      <c r="I338" s="188"/>
    </row>
    <row r="339" spans="2:12" x14ac:dyDescent="0.25">
      <c r="B339" s="8"/>
      <c r="C339" s="186" t="s">
        <v>1213</v>
      </c>
      <c r="D339" s="187"/>
      <c r="E339" s="187"/>
      <c r="F339" s="187"/>
      <c r="G339" s="187"/>
      <c r="H339" s="187"/>
      <c r="I339" s="188"/>
    </row>
    <row r="340" spans="2:12" x14ac:dyDescent="0.25">
      <c r="B340" s="8"/>
      <c r="C340" s="186" t="s">
        <v>1214</v>
      </c>
      <c r="D340" s="187"/>
      <c r="E340" s="187"/>
      <c r="F340" s="187"/>
      <c r="G340" s="187"/>
      <c r="H340" s="187"/>
      <c r="I340" s="188"/>
    </row>
    <row r="341" spans="2:12" x14ac:dyDescent="0.25">
      <c r="B341" s="8"/>
      <c r="C341" s="186" t="s">
        <v>1215</v>
      </c>
      <c r="D341" s="187"/>
      <c r="E341" s="187"/>
      <c r="F341" s="187"/>
      <c r="G341" s="187"/>
      <c r="H341" s="187"/>
      <c r="I341" s="188"/>
    </row>
    <row r="342" spans="2:12" x14ac:dyDescent="0.25">
      <c r="B342" s="8"/>
      <c r="C342" s="186" t="s">
        <v>1216</v>
      </c>
      <c r="D342" s="187"/>
      <c r="E342" s="187"/>
      <c r="F342" s="187"/>
      <c r="G342" s="187"/>
      <c r="H342" s="187"/>
      <c r="I342" s="188"/>
      <c r="L342" s="68"/>
    </row>
    <row r="343" spans="2:12" ht="15.75" thickBot="1" x14ac:dyDescent="0.3">
      <c r="B343" s="39"/>
      <c r="C343" s="222" t="s">
        <v>1217</v>
      </c>
      <c r="D343" s="223"/>
      <c r="E343" s="223"/>
      <c r="F343" s="223"/>
      <c r="G343" s="223"/>
      <c r="H343" s="223"/>
      <c r="I343" s="224"/>
    </row>
    <row r="344" spans="2:12" ht="15.75" thickBot="1" x14ac:dyDescent="0.3"/>
    <row r="345" spans="2:12" ht="15.75" thickBot="1" x14ac:dyDescent="0.3">
      <c r="B345" s="253" t="s">
        <v>1154</v>
      </c>
      <c r="C345" s="254"/>
      <c r="D345" s="254"/>
      <c r="E345" s="254"/>
      <c r="F345" s="254"/>
      <c r="G345" s="254"/>
      <c r="H345" s="254"/>
      <c r="I345" s="255"/>
    </row>
    <row r="346" spans="2:12" ht="15.75" thickBot="1" x14ac:dyDescent="0.3">
      <c r="B346" s="311" t="s">
        <v>1155</v>
      </c>
      <c r="C346" s="257"/>
      <c r="D346" s="257"/>
      <c r="E346" s="257"/>
      <c r="F346" s="257"/>
      <c r="G346" s="257"/>
      <c r="H346" s="257"/>
      <c r="I346" s="258"/>
    </row>
    <row r="347" spans="2:12" x14ac:dyDescent="0.25">
      <c r="B347" s="13"/>
      <c r="C347" s="189" t="s">
        <v>1156</v>
      </c>
      <c r="D347" s="190"/>
      <c r="E347" s="190"/>
      <c r="F347" s="190"/>
      <c r="G347" s="190"/>
      <c r="H347" s="190"/>
      <c r="I347" s="191"/>
    </row>
    <row r="348" spans="2:12" x14ac:dyDescent="0.25">
      <c r="B348" s="8"/>
      <c r="C348" s="186" t="s">
        <v>1157</v>
      </c>
      <c r="D348" s="187"/>
      <c r="E348" s="187"/>
      <c r="F348" s="187"/>
      <c r="G348" s="187"/>
      <c r="H348" s="187"/>
      <c r="I348" s="188"/>
    </row>
    <row r="349" spans="2:12" ht="15.75" thickBot="1" x14ac:dyDescent="0.3">
      <c r="B349" s="39"/>
      <c r="C349" s="222" t="s">
        <v>1158</v>
      </c>
      <c r="D349" s="223"/>
      <c r="E349" s="223"/>
      <c r="F349" s="223"/>
      <c r="G349" s="223"/>
      <c r="H349" s="223"/>
      <c r="I349" s="224"/>
    </row>
    <row r="350" spans="2:12" ht="15.75" thickBot="1" x14ac:dyDescent="0.3"/>
    <row r="351" spans="2:12" ht="15.75" thickBot="1" x14ac:dyDescent="0.3">
      <c r="B351" s="253" t="s">
        <v>1222</v>
      </c>
      <c r="C351" s="254"/>
      <c r="D351" s="254"/>
      <c r="E351" s="254"/>
      <c r="F351" s="254"/>
      <c r="G351" s="254"/>
      <c r="H351" s="254"/>
      <c r="I351" s="255"/>
    </row>
    <row r="352" spans="2:12" ht="15.75" thickBot="1" x14ac:dyDescent="0.3">
      <c r="B352" s="311" t="s">
        <v>1223</v>
      </c>
      <c r="C352" s="257"/>
      <c r="D352" s="257"/>
      <c r="E352" s="257"/>
      <c r="F352" s="257"/>
      <c r="G352" s="257"/>
      <c r="H352" s="257"/>
      <c r="I352" s="258"/>
    </row>
    <row r="353" spans="2:9" ht="18" customHeight="1" x14ac:dyDescent="0.25">
      <c r="B353" s="13"/>
      <c r="C353" s="189" t="s">
        <v>1224</v>
      </c>
      <c r="D353" s="190"/>
      <c r="E353" s="190"/>
      <c r="F353" s="190"/>
      <c r="G353" s="190"/>
      <c r="H353" s="190"/>
      <c r="I353" s="191"/>
    </row>
    <row r="354" spans="2:9" ht="15" customHeight="1" thickBot="1" x14ac:dyDescent="0.3">
      <c r="B354" s="39"/>
      <c r="C354" s="222" t="s">
        <v>1225</v>
      </c>
      <c r="D354" s="223"/>
      <c r="E354" s="223"/>
      <c r="F354" s="223"/>
      <c r="G354" s="223"/>
      <c r="H354" s="223"/>
      <c r="I354" s="224"/>
    </row>
    <row r="355" spans="2:9" ht="15" customHeight="1" thickBot="1" x14ac:dyDescent="0.3">
      <c r="C355" s="46"/>
      <c r="D355" s="46"/>
      <c r="E355" s="46"/>
      <c r="F355" s="46"/>
      <c r="G355" s="46"/>
      <c r="H355" s="46"/>
      <c r="I355" s="46"/>
    </row>
    <row r="356" spans="2:9" ht="15.75" thickBot="1" x14ac:dyDescent="0.3">
      <c r="B356" s="253" t="s">
        <v>1372</v>
      </c>
      <c r="C356" s="254"/>
      <c r="D356" s="254"/>
      <c r="E356" s="254"/>
      <c r="F356" s="254"/>
      <c r="G356" s="254"/>
      <c r="H356" s="254"/>
      <c r="I356" s="255"/>
    </row>
    <row r="357" spans="2:9" ht="13.5" customHeight="1" thickBot="1" x14ac:dyDescent="0.3">
      <c r="B357" s="311" t="s">
        <v>1373</v>
      </c>
      <c r="C357" s="324"/>
      <c r="D357" s="324"/>
      <c r="E357" s="324"/>
      <c r="F357" s="324"/>
      <c r="G357" s="324"/>
      <c r="H357" s="324"/>
      <c r="I357" s="325"/>
    </row>
    <row r="358" spans="2:9" s="76" customFormat="1" ht="13.5" customHeight="1" x14ac:dyDescent="0.25">
      <c r="B358" s="75"/>
      <c r="C358" s="326" t="s">
        <v>1374</v>
      </c>
      <c r="D358" s="327"/>
      <c r="E358" s="327"/>
      <c r="F358" s="327"/>
      <c r="G358" s="327"/>
      <c r="H358" s="327"/>
      <c r="I358" s="328"/>
    </row>
    <row r="359" spans="2:9" s="76" customFormat="1" ht="12.75" hidden="1" customHeight="1" x14ac:dyDescent="0.25">
      <c r="B359" s="77"/>
      <c r="C359" s="315"/>
      <c r="D359" s="316"/>
      <c r="E359" s="316"/>
      <c r="F359" s="316"/>
      <c r="G359" s="316"/>
      <c r="H359" s="316"/>
      <c r="I359" s="317"/>
    </row>
    <row r="360" spans="2:9" s="76" customFormat="1" ht="15" hidden="1" customHeight="1" x14ac:dyDescent="0.25">
      <c r="B360" s="77"/>
      <c r="C360" s="315"/>
      <c r="D360" s="316"/>
      <c r="E360" s="316"/>
      <c r="F360" s="316"/>
      <c r="G360" s="316"/>
      <c r="H360" s="316"/>
      <c r="I360" s="317"/>
    </row>
    <row r="361" spans="2:9" s="76" customFormat="1" ht="13.5" customHeight="1" x14ac:dyDescent="0.25">
      <c r="B361" s="77"/>
      <c r="C361" s="315" t="s">
        <v>1375</v>
      </c>
      <c r="D361" s="316"/>
      <c r="E361" s="316"/>
      <c r="F361" s="316"/>
      <c r="G361" s="316"/>
      <c r="H361" s="316"/>
      <c r="I361" s="317"/>
    </row>
    <row r="362" spans="2:9" s="76" customFormat="1" x14ac:dyDescent="0.25">
      <c r="B362" s="77"/>
      <c r="C362" s="315" t="s">
        <v>1376</v>
      </c>
      <c r="D362" s="316"/>
      <c r="E362" s="316"/>
      <c r="F362" s="316"/>
      <c r="G362" s="316"/>
      <c r="H362" s="316"/>
      <c r="I362" s="317"/>
    </row>
    <row r="363" spans="2:9" s="76" customFormat="1" x14ac:dyDescent="0.25">
      <c r="B363" s="77"/>
      <c r="C363" s="315" t="s">
        <v>1377</v>
      </c>
      <c r="D363" s="316"/>
      <c r="E363" s="316"/>
      <c r="F363" s="316"/>
      <c r="G363" s="316"/>
      <c r="H363" s="316"/>
      <c r="I363" s="317"/>
    </row>
    <row r="364" spans="2:9" s="76" customFormat="1" x14ac:dyDescent="0.25">
      <c r="B364" s="77"/>
      <c r="C364" s="315" t="s">
        <v>1378</v>
      </c>
      <c r="D364" s="316"/>
      <c r="E364" s="316"/>
      <c r="F364" s="316"/>
      <c r="G364" s="316"/>
      <c r="H364" s="316"/>
      <c r="I364" s="317"/>
    </row>
    <row r="365" spans="2:9" s="76" customFormat="1" x14ac:dyDescent="0.25">
      <c r="B365" s="77"/>
      <c r="C365" s="315" t="s">
        <v>1379</v>
      </c>
      <c r="D365" s="316"/>
      <c r="E365" s="316"/>
      <c r="F365" s="316"/>
      <c r="G365" s="316"/>
      <c r="H365" s="316"/>
      <c r="I365" s="317"/>
    </row>
    <row r="366" spans="2:9" s="76" customFormat="1" x14ac:dyDescent="0.25">
      <c r="B366" s="77"/>
      <c r="C366" s="315" t="s">
        <v>1380</v>
      </c>
      <c r="D366" s="316"/>
      <c r="E366" s="316"/>
      <c r="F366" s="316"/>
      <c r="G366" s="316"/>
      <c r="H366" s="316"/>
      <c r="I366" s="317"/>
    </row>
    <row r="367" spans="2:9" s="76" customFormat="1" x14ac:dyDescent="0.25">
      <c r="B367" s="77"/>
      <c r="C367" s="315" t="s">
        <v>1381</v>
      </c>
      <c r="D367" s="316"/>
      <c r="E367" s="316"/>
      <c r="F367" s="316"/>
      <c r="G367" s="316"/>
      <c r="H367" s="316"/>
      <c r="I367" s="317"/>
    </row>
    <row r="368" spans="2:9" s="76" customFormat="1" x14ac:dyDescent="0.25">
      <c r="B368" s="77"/>
      <c r="C368" s="315" t="s">
        <v>1382</v>
      </c>
      <c r="D368" s="316"/>
      <c r="E368" s="316"/>
      <c r="F368" s="316"/>
      <c r="G368" s="316"/>
      <c r="H368" s="316"/>
      <c r="I368" s="317"/>
    </row>
    <row r="369" spans="2:9" s="76" customFormat="1" x14ac:dyDescent="0.25">
      <c r="B369" s="77"/>
      <c r="C369" s="315" t="s">
        <v>1383</v>
      </c>
      <c r="D369" s="316"/>
      <c r="E369" s="316"/>
      <c r="F369" s="316"/>
      <c r="G369" s="316"/>
      <c r="H369" s="316"/>
      <c r="I369" s="317"/>
    </row>
    <row r="370" spans="2:9" s="76" customFormat="1" x14ac:dyDescent="0.25">
      <c r="B370" s="77"/>
      <c r="C370" s="315" t="s">
        <v>1384</v>
      </c>
      <c r="D370" s="316"/>
      <c r="E370" s="316"/>
      <c r="F370" s="316"/>
      <c r="G370" s="316"/>
      <c r="H370" s="316"/>
      <c r="I370" s="317"/>
    </row>
    <row r="371" spans="2:9" s="76" customFormat="1" x14ac:dyDescent="0.25">
      <c r="B371" s="78"/>
      <c r="C371" s="315" t="s">
        <v>1385</v>
      </c>
      <c r="D371" s="316"/>
      <c r="E371" s="316"/>
      <c r="F371" s="316"/>
      <c r="G371" s="316"/>
      <c r="H371" s="316"/>
      <c r="I371" s="317"/>
    </row>
    <row r="372" spans="2:9" s="76" customFormat="1" ht="15.75" customHeight="1" x14ac:dyDescent="0.25">
      <c r="B372" s="79"/>
      <c r="C372" s="315" t="s">
        <v>1386</v>
      </c>
      <c r="D372" s="316"/>
      <c r="E372" s="316"/>
      <c r="F372" s="316"/>
      <c r="G372" s="316"/>
      <c r="H372" s="316"/>
      <c r="I372" s="317"/>
    </row>
    <row r="373" spans="2:9" s="76" customFormat="1" x14ac:dyDescent="0.25">
      <c r="B373" s="77"/>
      <c r="C373" s="315" t="s">
        <v>1387</v>
      </c>
      <c r="D373" s="316"/>
      <c r="E373" s="316"/>
      <c r="F373" s="316"/>
      <c r="G373" s="316"/>
      <c r="H373" s="316"/>
      <c r="I373" s="317"/>
    </row>
    <row r="374" spans="2:9" s="76" customFormat="1" x14ac:dyDescent="0.25">
      <c r="B374" s="77"/>
      <c r="C374" s="315" t="s">
        <v>1388</v>
      </c>
      <c r="D374" s="316"/>
      <c r="E374" s="316"/>
      <c r="F374" s="316"/>
      <c r="G374" s="316"/>
      <c r="H374" s="316"/>
      <c r="I374" s="317"/>
    </row>
    <row r="375" spans="2:9" s="76" customFormat="1" x14ac:dyDescent="0.25">
      <c r="B375" s="77"/>
      <c r="C375" s="315" t="s">
        <v>1389</v>
      </c>
      <c r="D375" s="316"/>
      <c r="E375" s="316"/>
      <c r="F375" s="316"/>
      <c r="G375" s="316"/>
      <c r="H375" s="316"/>
      <c r="I375" s="317"/>
    </row>
    <row r="376" spans="2:9" s="76" customFormat="1" x14ac:dyDescent="0.25">
      <c r="B376" s="77"/>
      <c r="C376" s="315" t="s">
        <v>1390</v>
      </c>
      <c r="D376" s="316"/>
      <c r="E376" s="316"/>
      <c r="F376" s="316"/>
      <c r="G376" s="316"/>
      <c r="H376" s="316"/>
      <c r="I376" s="317"/>
    </row>
    <row r="377" spans="2:9" s="76" customFormat="1" x14ac:dyDescent="0.25">
      <c r="B377" s="77"/>
      <c r="C377" s="315" t="s">
        <v>1391</v>
      </c>
      <c r="D377" s="316"/>
      <c r="E377" s="316"/>
      <c r="F377" s="316"/>
      <c r="G377" s="316"/>
      <c r="H377" s="316"/>
      <c r="I377" s="317"/>
    </row>
    <row r="378" spans="2:9" s="76" customFormat="1" x14ac:dyDescent="0.25">
      <c r="B378" s="77"/>
      <c r="C378" s="315" t="s">
        <v>1392</v>
      </c>
      <c r="D378" s="316"/>
      <c r="E378" s="316"/>
      <c r="F378" s="316"/>
      <c r="G378" s="316"/>
      <c r="H378" s="316"/>
      <c r="I378" s="317"/>
    </row>
    <row r="379" spans="2:9" s="76" customFormat="1" ht="15.75" thickBot="1" x14ac:dyDescent="0.3">
      <c r="B379" s="80"/>
      <c r="C379" s="318" t="s">
        <v>1393</v>
      </c>
      <c r="D379" s="319"/>
      <c r="E379" s="319"/>
      <c r="F379" s="319"/>
      <c r="G379" s="319"/>
      <c r="H379" s="319"/>
      <c r="I379" s="320"/>
    </row>
    <row r="380" spans="2:9" ht="15.75" thickBot="1" x14ac:dyDescent="0.3"/>
    <row r="381" spans="2:9" ht="15.75" thickBot="1" x14ac:dyDescent="0.3">
      <c r="B381" s="253" t="s">
        <v>1240</v>
      </c>
      <c r="C381" s="254"/>
      <c r="D381" s="254"/>
      <c r="E381" s="254"/>
      <c r="F381" s="254"/>
      <c r="G381" s="254"/>
      <c r="H381" s="254"/>
      <c r="I381" s="255"/>
    </row>
    <row r="382" spans="2:9" ht="15.75" thickBot="1" x14ac:dyDescent="0.3">
      <c r="B382" s="311" t="s">
        <v>1241</v>
      </c>
      <c r="C382" s="257"/>
      <c r="D382" s="257"/>
      <c r="E382" s="257"/>
      <c r="F382" s="257"/>
      <c r="G382" s="257"/>
      <c r="H382" s="257"/>
      <c r="I382" s="258"/>
    </row>
    <row r="383" spans="2:9" x14ac:dyDescent="0.25">
      <c r="B383" s="73"/>
      <c r="C383" s="189" t="s">
        <v>1242</v>
      </c>
      <c r="D383" s="190"/>
      <c r="E383" s="190"/>
      <c r="F383" s="190"/>
      <c r="G383" s="190"/>
      <c r="H383" s="190"/>
      <c r="I383" s="191"/>
    </row>
    <row r="384" spans="2:9" x14ac:dyDescent="0.25">
      <c r="B384" s="33"/>
      <c r="C384" s="186" t="s">
        <v>1243</v>
      </c>
      <c r="D384" s="187"/>
      <c r="E384" s="187"/>
      <c r="F384" s="187"/>
      <c r="G384" s="187"/>
      <c r="H384" s="187"/>
      <c r="I384" s="188"/>
    </row>
    <row r="385" spans="2:9" x14ac:dyDescent="0.25">
      <c r="B385" s="33"/>
      <c r="C385" s="186" t="s">
        <v>1244</v>
      </c>
      <c r="D385" s="187"/>
      <c r="E385" s="187"/>
      <c r="F385" s="187"/>
      <c r="G385" s="187"/>
      <c r="H385" s="187"/>
      <c r="I385" s="188"/>
    </row>
    <row r="386" spans="2:9" x14ac:dyDescent="0.25">
      <c r="B386" s="33"/>
      <c r="C386" s="186" t="s">
        <v>1245</v>
      </c>
      <c r="D386" s="187"/>
      <c r="E386" s="187"/>
      <c r="F386" s="187"/>
      <c r="G386" s="187"/>
      <c r="H386" s="187"/>
      <c r="I386" s="188"/>
    </row>
    <row r="387" spans="2:9" ht="15.75" customHeight="1" x14ac:dyDescent="0.25">
      <c r="B387" s="33"/>
      <c r="C387" s="186" t="s">
        <v>1246</v>
      </c>
      <c r="D387" s="187"/>
      <c r="E387" s="187"/>
      <c r="F387" s="187"/>
      <c r="G387" s="187"/>
      <c r="H387" s="187"/>
      <c r="I387" s="188"/>
    </row>
    <row r="388" spans="2:9" x14ac:dyDescent="0.25">
      <c r="B388" s="33"/>
      <c r="C388" s="186" t="s">
        <v>1247</v>
      </c>
      <c r="D388" s="187"/>
      <c r="E388" s="187"/>
      <c r="F388" s="187"/>
      <c r="G388" s="187"/>
      <c r="H388" s="187"/>
      <c r="I388" s="188"/>
    </row>
    <row r="389" spans="2:9" x14ac:dyDescent="0.25">
      <c r="B389" s="33"/>
      <c r="C389" s="186" t="s">
        <v>1248</v>
      </c>
      <c r="D389" s="187"/>
      <c r="E389" s="187"/>
      <c r="F389" s="187"/>
      <c r="G389" s="187"/>
      <c r="H389" s="187"/>
      <c r="I389" s="188"/>
    </row>
    <row r="390" spans="2:9" ht="15" customHeight="1" x14ac:dyDescent="0.25">
      <c r="B390" s="33"/>
      <c r="C390" s="186" t="s">
        <v>1249</v>
      </c>
      <c r="D390" s="187"/>
      <c r="E390" s="187"/>
      <c r="F390" s="187"/>
      <c r="G390" s="187"/>
      <c r="H390" s="187"/>
      <c r="I390" s="188"/>
    </row>
    <row r="391" spans="2:9" x14ac:dyDescent="0.25">
      <c r="B391" s="33"/>
      <c r="C391" s="186" t="s">
        <v>1250</v>
      </c>
      <c r="D391" s="187"/>
      <c r="E391" s="187"/>
      <c r="F391" s="187"/>
      <c r="G391" s="187"/>
      <c r="H391" s="187"/>
      <c r="I391" s="188"/>
    </row>
    <row r="392" spans="2:9" x14ac:dyDescent="0.25">
      <c r="B392" s="33"/>
      <c r="C392" s="186" t="s">
        <v>1251</v>
      </c>
      <c r="D392" s="187"/>
      <c r="E392" s="187"/>
      <c r="F392" s="187"/>
      <c r="G392" s="187"/>
      <c r="H392" s="187"/>
      <c r="I392" s="188"/>
    </row>
    <row r="393" spans="2:9" x14ac:dyDescent="0.25">
      <c r="B393" s="33"/>
      <c r="C393" s="186" t="s">
        <v>1252</v>
      </c>
      <c r="D393" s="187"/>
      <c r="E393" s="187"/>
      <c r="F393" s="187"/>
      <c r="G393" s="187"/>
      <c r="H393" s="187"/>
      <c r="I393" s="188"/>
    </row>
    <row r="394" spans="2:9" x14ac:dyDescent="0.25">
      <c r="B394" s="74"/>
      <c r="C394" s="247" t="s">
        <v>1253</v>
      </c>
      <c r="D394" s="248"/>
      <c r="E394" s="248"/>
      <c r="F394" s="248"/>
      <c r="G394" s="248"/>
      <c r="H394" s="248"/>
      <c r="I394" s="249"/>
    </row>
    <row r="395" spans="2:9" x14ac:dyDescent="0.25">
      <c r="B395" s="32"/>
      <c r="C395" s="198" t="s">
        <v>1254</v>
      </c>
      <c r="D395" s="193"/>
      <c r="E395" s="193"/>
      <c r="F395" s="193"/>
      <c r="G395" s="193"/>
      <c r="H395" s="193"/>
      <c r="I395" s="194"/>
    </row>
    <row r="396" spans="2:9" x14ac:dyDescent="0.25">
      <c r="B396" s="33"/>
      <c r="C396" s="265" t="s">
        <v>1255</v>
      </c>
      <c r="D396" s="266"/>
      <c r="E396" s="266"/>
      <c r="F396" s="266"/>
      <c r="G396" s="266"/>
      <c r="H396" s="266"/>
      <c r="I396" s="267"/>
    </row>
    <row r="397" spans="2:9" x14ac:dyDescent="0.25">
      <c r="B397" s="33"/>
      <c r="C397" s="186" t="s">
        <v>1256</v>
      </c>
      <c r="D397" s="187"/>
      <c r="E397" s="187"/>
      <c r="F397" s="187"/>
      <c r="G397" s="187"/>
      <c r="H397" s="187"/>
      <c r="I397" s="188"/>
    </row>
    <row r="398" spans="2:9" x14ac:dyDescent="0.25">
      <c r="B398" s="33"/>
      <c r="C398" s="186" t="s">
        <v>1257</v>
      </c>
      <c r="D398" s="187"/>
      <c r="E398" s="187"/>
      <c r="F398" s="187"/>
      <c r="G398" s="187"/>
      <c r="H398" s="187"/>
      <c r="I398" s="188"/>
    </row>
    <row r="399" spans="2:9" x14ac:dyDescent="0.25">
      <c r="B399" s="33"/>
      <c r="C399" s="186" t="s">
        <v>62</v>
      </c>
      <c r="D399" s="187"/>
      <c r="E399" s="187"/>
      <c r="F399" s="187"/>
      <c r="G399" s="187"/>
      <c r="H399" s="187"/>
      <c r="I399" s="188"/>
    </row>
    <row r="400" spans="2:9" x14ac:dyDescent="0.25">
      <c r="B400" s="33"/>
      <c r="C400" s="186" t="s">
        <v>1258</v>
      </c>
      <c r="D400" s="187"/>
      <c r="E400" s="187"/>
      <c r="F400" s="187"/>
      <c r="G400" s="187"/>
      <c r="H400" s="187"/>
      <c r="I400" s="188"/>
    </row>
    <row r="401" spans="2:9" x14ac:dyDescent="0.25">
      <c r="B401" s="33"/>
      <c r="C401" s="186" t="s">
        <v>1259</v>
      </c>
      <c r="D401" s="187"/>
      <c r="E401" s="187"/>
      <c r="F401" s="187"/>
      <c r="G401" s="187"/>
      <c r="H401" s="187"/>
      <c r="I401" s="188"/>
    </row>
    <row r="402" spans="2:9" x14ac:dyDescent="0.25">
      <c r="B402" s="33"/>
      <c r="C402" s="186" t="s">
        <v>1260</v>
      </c>
      <c r="D402" s="187"/>
      <c r="E402" s="187"/>
      <c r="F402" s="187"/>
      <c r="G402" s="187"/>
      <c r="H402" s="187"/>
      <c r="I402" s="188"/>
    </row>
    <row r="403" spans="2:9" x14ac:dyDescent="0.25">
      <c r="B403" s="32"/>
      <c r="C403" s="186" t="s">
        <v>1261</v>
      </c>
      <c r="D403" s="187"/>
      <c r="E403" s="187"/>
      <c r="F403" s="187"/>
      <c r="G403" s="187"/>
      <c r="H403" s="187"/>
      <c r="I403" s="188"/>
    </row>
    <row r="404" spans="2:9" x14ac:dyDescent="0.25">
      <c r="B404" s="33"/>
      <c r="C404" s="265" t="s">
        <v>38</v>
      </c>
      <c r="D404" s="266"/>
      <c r="E404" s="266"/>
      <c r="F404" s="266"/>
      <c r="G404" s="266"/>
      <c r="H404" s="266"/>
      <c r="I404" s="267"/>
    </row>
    <row r="405" spans="2:9" ht="29.25" customHeight="1" x14ac:dyDescent="0.25">
      <c r="B405" s="33"/>
      <c r="C405" s="321" t="s">
        <v>1262</v>
      </c>
      <c r="D405" s="322"/>
      <c r="E405" s="322"/>
      <c r="F405" s="322"/>
      <c r="G405" s="322"/>
      <c r="H405" s="322"/>
      <c r="I405" s="323"/>
    </row>
    <row r="406" spans="2:9" x14ac:dyDescent="0.25">
      <c r="B406" s="33"/>
      <c r="C406" s="186" t="s">
        <v>1263</v>
      </c>
      <c r="D406" s="187"/>
      <c r="E406" s="187"/>
      <c r="F406" s="187"/>
      <c r="G406" s="187"/>
      <c r="H406" s="187"/>
      <c r="I406" s="188"/>
    </row>
    <row r="407" spans="2:9" x14ac:dyDescent="0.25">
      <c r="B407" s="33"/>
      <c r="C407" s="186" t="s">
        <v>1264</v>
      </c>
      <c r="D407" s="187"/>
      <c r="E407" s="187"/>
      <c r="F407" s="187"/>
      <c r="G407" s="187"/>
      <c r="H407" s="187"/>
      <c r="I407" s="188"/>
    </row>
    <row r="408" spans="2:9" x14ac:dyDescent="0.25">
      <c r="B408" s="33"/>
      <c r="C408" s="186" t="s">
        <v>1265</v>
      </c>
      <c r="D408" s="187"/>
      <c r="E408" s="187"/>
      <c r="F408" s="187"/>
      <c r="G408" s="187"/>
      <c r="H408" s="187"/>
      <c r="I408" s="188"/>
    </row>
    <row r="409" spans="2:9" x14ac:dyDescent="0.25">
      <c r="B409" s="33"/>
      <c r="C409" s="186" t="s">
        <v>1266</v>
      </c>
      <c r="D409" s="187"/>
      <c r="E409" s="187"/>
      <c r="F409" s="187"/>
      <c r="G409" s="187"/>
      <c r="H409" s="187"/>
      <c r="I409" s="188"/>
    </row>
    <row r="410" spans="2:9" x14ac:dyDescent="0.25">
      <c r="B410" s="33"/>
      <c r="C410" s="186" t="s">
        <v>1267</v>
      </c>
      <c r="D410" s="187"/>
      <c r="E410" s="187"/>
      <c r="F410" s="187"/>
      <c r="G410" s="187"/>
      <c r="H410" s="187"/>
      <c r="I410" s="188"/>
    </row>
    <row r="411" spans="2:9" x14ac:dyDescent="0.25">
      <c r="B411" s="33"/>
      <c r="C411" s="186" t="s">
        <v>1268</v>
      </c>
      <c r="D411" s="187"/>
      <c r="E411" s="187"/>
      <c r="F411" s="187"/>
      <c r="G411" s="187"/>
      <c r="H411" s="187"/>
      <c r="I411" s="188"/>
    </row>
    <row r="412" spans="2:9" x14ac:dyDescent="0.25">
      <c r="B412" s="33"/>
      <c r="C412" s="186" t="s">
        <v>1269</v>
      </c>
      <c r="D412" s="187"/>
      <c r="E412" s="187"/>
      <c r="F412" s="187"/>
      <c r="G412" s="187"/>
      <c r="H412" s="187"/>
      <c r="I412" s="188"/>
    </row>
    <row r="413" spans="2:9" x14ac:dyDescent="0.25">
      <c r="B413" s="33"/>
      <c r="C413" s="186" t="s">
        <v>1270</v>
      </c>
      <c r="D413" s="187"/>
      <c r="E413" s="187"/>
      <c r="F413" s="187"/>
      <c r="G413" s="187"/>
      <c r="H413" s="187"/>
      <c r="I413" s="188"/>
    </row>
    <row r="414" spans="2:9" x14ac:dyDescent="0.25">
      <c r="B414" s="33"/>
      <c r="C414" s="186" t="s">
        <v>1271</v>
      </c>
      <c r="D414" s="187"/>
      <c r="E414" s="187"/>
      <c r="F414" s="187"/>
      <c r="G414" s="187"/>
      <c r="H414" s="187"/>
      <c r="I414" s="188"/>
    </row>
    <row r="415" spans="2:9" x14ac:dyDescent="0.25">
      <c r="B415" s="33"/>
      <c r="C415" s="186" t="s">
        <v>1272</v>
      </c>
      <c r="D415" s="187"/>
      <c r="E415" s="187"/>
      <c r="F415" s="187"/>
      <c r="G415" s="187"/>
      <c r="H415" s="187"/>
      <c r="I415" s="188"/>
    </row>
    <row r="416" spans="2:9" x14ac:dyDescent="0.25">
      <c r="B416" s="33"/>
      <c r="C416" s="186" t="s">
        <v>1273</v>
      </c>
      <c r="D416" s="187"/>
      <c r="E416" s="187"/>
      <c r="F416" s="187"/>
      <c r="G416" s="187"/>
      <c r="H416" s="187"/>
      <c r="I416" s="188"/>
    </row>
    <row r="417" spans="2:9" x14ac:dyDescent="0.25">
      <c r="B417" s="33"/>
      <c r="C417" s="186" t="s">
        <v>1274</v>
      </c>
      <c r="D417" s="187"/>
      <c r="E417" s="187"/>
      <c r="F417" s="187"/>
      <c r="G417" s="187"/>
      <c r="H417" s="187"/>
      <c r="I417" s="188"/>
    </row>
    <row r="418" spans="2:9" x14ac:dyDescent="0.25">
      <c r="B418" s="74"/>
      <c r="C418" s="247" t="s">
        <v>1275</v>
      </c>
      <c r="D418" s="248"/>
      <c r="E418" s="248"/>
      <c r="F418" s="248"/>
      <c r="G418" s="248"/>
      <c r="H418" s="248"/>
      <c r="I418" s="249"/>
    </row>
    <row r="419" spans="2:9" x14ac:dyDescent="0.25">
      <c r="B419" s="32"/>
      <c r="C419" s="198" t="s">
        <v>1276</v>
      </c>
      <c r="D419" s="193"/>
      <c r="E419" s="193"/>
      <c r="F419" s="193"/>
      <c r="G419" s="193"/>
      <c r="H419" s="193"/>
      <c r="I419" s="194"/>
    </row>
    <row r="420" spans="2:9" x14ac:dyDescent="0.25">
      <c r="B420" s="33"/>
      <c r="C420" s="265" t="s">
        <v>56</v>
      </c>
      <c r="D420" s="266"/>
      <c r="E420" s="266"/>
      <c r="F420" s="266"/>
      <c r="G420" s="266"/>
      <c r="H420" s="266"/>
      <c r="I420" s="267"/>
    </row>
    <row r="421" spans="2:9" x14ac:dyDescent="0.25">
      <c r="B421" s="33"/>
      <c r="C421" s="186" t="s">
        <v>1277</v>
      </c>
      <c r="D421" s="187"/>
      <c r="E421" s="187"/>
      <c r="F421" s="187"/>
      <c r="G421" s="187"/>
      <c r="H421" s="187"/>
      <c r="I421" s="188"/>
    </row>
    <row r="422" spans="2:9" x14ac:dyDescent="0.25">
      <c r="B422" s="33"/>
      <c r="C422" s="186" t="s">
        <v>1278</v>
      </c>
      <c r="D422" s="187"/>
      <c r="E422" s="187"/>
      <c r="F422" s="187"/>
      <c r="G422" s="187"/>
      <c r="H422" s="187"/>
      <c r="I422" s="188"/>
    </row>
    <row r="423" spans="2:9" x14ac:dyDescent="0.25">
      <c r="B423" s="33"/>
      <c r="C423" s="186" t="s">
        <v>1279</v>
      </c>
      <c r="D423" s="187"/>
      <c r="E423" s="187"/>
      <c r="F423" s="187"/>
      <c r="G423" s="187"/>
      <c r="H423" s="187"/>
      <c r="I423" s="188"/>
    </row>
    <row r="424" spans="2:9" x14ac:dyDescent="0.25">
      <c r="B424" s="33"/>
      <c r="C424" s="186" t="s">
        <v>1280</v>
      </c>
      <c r="D424" s="187"/>
      <c r="E424" s="187"/>
      <c r="F424" s="187"/>
      <c r="G424" s="187"/>
      <c r="H424" s="187"/>
      <c r="I424" s="188"/>
    </row>
    <row r="425" spans="2:9" x14ac:dyDescent="0.25">
      <c r="B425" s="33"/>
      <c r="C425" s="186" t="s">
        <v>1281</v>
      </c>
      <c r="D425" s="187"/>
      <c r="E425" s="187"/>
      <c r="F425" s="187"/>
      <c r="G425" s="187"/>
      <c r="H425" s="187"/>
      <c r="I425" s="188"/>
    </row>
    <row r="426" spans="2:9" x14ac:dyDescent="0.25">
      <c r="B426" s="33"/>
      <c r="C426" s="186" t="s">
        <v>1282</v>
      </c>
      <c r="D426" s="187"/>
      <c r="E426" s="187"/>
      <c r="F426" s="187"/>
      <c r="G426" s="187"/>
      <c r="H426" s="187"/>
      <c r="I426" s="188"/>
    </row>
    <row r="427" spans="2:9" x14ac:dyDescent="0.25">
      <c r="B427" s="33"/>
      <c r="C427" s="186" t="s">
        <v>1283</v>
      </c>
      <c r="D427" s="187"/>
      <c r="E427" s="187"/>
      <c r="F427" s="187"/>
      <c r="G427" s="187"/>
      <c r="H427" s="187"/>
      <c r="I427" s="188"/>
    </row>
    <row r="428" spans="2:9" x14ac:dyDescent="0.25">
      <c r="B428" s="33"/>
      <c r="C428" s="186" t="s">
        <v>1285</v>
      </c>
      <c r="D428" s="187"/>
      <c r="E428" s="187"/>
      <c r="F428" s="187"/>
      <c r="G428" s="187"/>
      <c r="H428" s="187"/>
      <c r="I428" s="188"/>
    </row>
    <row r="429" spans="2:9" x14ac:dyDescent="0.25">
      <c r="B429" s="33"/>
      <c r="C429" s="186" t="s">
        <v>1284</v>
      </c>
      <c r="D429" s="187"/>
      <c r="E429" s="187"/>
      <c r="F429" s="187"/>
      <c r="G429" s="187"/>
      <c r="H429" s="187"/>
      <c r="I429" s="188"/>
    </row>
    <row r="430" spans="2:9" x14ac:dyDescent="0.25">
      <c r="B430" s="33"/>
      <c r="C430" s="186" t="s">
        <v>1286</v>
      </c>
      <c r="D430" s="187"/>
      <c r="E430" s="187"/>
      <c r="F430" s="187"/>
      <c r="G430" s="187"/>
      <c r="H430" s="187"/>
      <c r="I430" s="188"/>
    </row>
    <row r="431" spans="2:9" x14ac:dyDescent="0.25">
      <c r="B431" s="33"/>
      <c r="C431" s="186" t="s">
        <v>1287</v>
      </c>
      <c r="D431" s="187"/>
      <c r="E431" s="187"/>
      <c r="F431" s="187"/>
      <c r="G431" s="187"/>
      <c r="H431" s="187"/>
      <c r="I431" s="188"/>
    </row>
    <row r="432" spans="2:9" x14ac:dyDescent="0.25">
      <c r="B432" s="33"/>
      <c r="C432" s="186" t="s">
        <v>1288</v>
      </c>
      <c r="D432" s="187"/>
      <c r="E432" s="187"/>
      <c r="F432" s="187"/>
      <c r="G432" s="187"/>
      <c r="H432" s="187"/>
      <c r="I432" s="188"/>
    </row>
    <row r="433" spans="2:9" x14ac:dyDescent="0.25">
      <c r="B433" s="74"/>
      <c r="C433" s="247" t="s">
        <v>1289</v>
      </c>
      <c r="D433" s="248"/>
      <c r="E433" s="248"/>
      <c r="F433" s="248"/>
      <c r="G433" s="248"/>
      <c r="H433" s="248"/>
      <c r="I433" s="249"/>
    </row>
    <row r="434" spans="2:9" x14ac:dyDescent="0.25">
      <c r="B434" s="32"/>
      <c r="C434" s="198" t="s">
        <v>1290</v>
      </c>
      <c r="D434" s="193"/>
      <c r="E434" s="193"/>
      <c r="F434" s="193"/>
      <c r="G434" s="193"/>
      <c r="H434" s="193"/>
      <c r="I434" s="194"/>
    </row>
    <row r="435" spans="2:9" x14ac:dyDescent="0.25">
      <c r="B435" s="33"/>
      <c r="C435" s="265" t="s">
        <v>1291</v>
      </c>
      <c r="D435" s="266"/>
      <c r="E435" s="266"/>
      <c r="F435" s="266"/>
      <c r="G435" s="266"/>
      <c r="H435" s="266"/>
      <c r="I435" s="267"/>
    </row>
    <row r="436" spans="2:9" x14ac:dyDescent="0.25">
      <c r="B436" s="33"/>
      <c r="C436" s="186" t="s">
        <v>1292</v>
      </c>
      <c r="D436" s="187"/>
      <c r="E436" s="187"/>
      <c r="F436" s="187"/>
      <c r="G436" s="187"/>
      <c r="H436" s="187"/>
      <c r="I436" s="188"/>
    </row>
    <row r="437" spans="2:9" x14ac:dyDescent="0.25">
      <c r="B437" s="33"/>
      <c r="C437" s="186" t="s">
        <v>1293</v>
      </c>
      <c r="D437" s="187"/>
      <c r="E437" s="187"/>
      <c r="F437" s="187"/>
      <c r="G437" s="187"/>
      <c r="H437" s="187"/>
      <c r="I437" s="188"/>
    </row>
    <row r="438" spans="2:9" x14ac:dyDescent="0.25">
      <c r="B438" s="33"/>
      <c r="C438" s="186" t="s">
        <v>1294</v>
      </c>
      <c r="D438" s="187"/>
      <c r="E438" s="187"/>
      <c r="F438" s="187"/>
      <c r="G438" s="187"/>
      <c r="H438" s="187"/>
      <c r="I438" s="188"/>
    </row>
    <row r="439" spans="2:9" x14ac:dyDescent="0.25">
      <c r="B439" s="33"/>
      <c r="C439" s="186" t="s">
        <v>1295</v>
      </c>
      <c r="D439" s="187"/>
      <c r="E439" s="187"/>
      <c r="F439" s="187"/>
      <c r="G439" s="187"/>
      <c r="H439" s="187"/>
      <c r="I439" s="188"/>
    </row>
    <row r="440" spans="2:9" x14ac:dyDescent="0.25">
      <c r="B440" s="33"/>
      <c r="C440" s="186" t="s">
        <v>1296</v>
      </c>
      <c r="D440" s="187"/>
      <c r="E440" s="187"/>
      <c r="F440" s="187"/>
      <c r="G440" s="187"/>
      <c r="H440" s="187"/>
      <c r="I440" s="188"/>
    </row>
    <row r="441" spans="2:9" x14ac:dyDescent="0.25">
      <c r="B441" s="33"/>
      <c r="C441" s="186" t="s">
        <v>1297</v>
      </c>
      <c r="D441" s="187"/>
      <c r="E441" s="187"/>
      <c r="F441" s="187"/>
      <c r="G441" s="187"/>
      <c r="H441" s="187"/>
      <c r="I441" s="188"/>
    </row>
    <row r="442" spans="2:9" x14ac:dyDescent="0.25">
      <c r="B442" s="74"/>
      <c r="C442" s="247" t="s">
        <v>1298</v>
      </c>
      <c r="D442" s="248"/>
      <c r="E442" s="248"/>
      <c r="F442" s="248"/>
      <c r="G442" s="248"/>
      <c r="H442" s="248"/>
      <c r="I442" s="249"/>
    </row>
    <row r="443" spans="2:9" x14ac:dyDescent="0.25">
      <c r="B443" s="32"/>
      <c r="C443" s="186" t="s">
        <v>1299</v>
      </c>
      <c r="D443" s="187"/>
      <c r="E443" s="187"/>
      <c r="F443" s="187"/>
      <c r="G443" s="187"/>
      <c r="H443" s="187"/>
      <c r="I443" s="188"/>
    </row>
    <row r="444" spans="2:9" x14ac:dyDescent="0.25">
      <c r="B444" s="33"/>
      <c r="C444" s="186" t="s">
        <v>1300</v>
      </c>
      <c r="D444" s="187"/>
      <c r="E444" s="187"/>
      <c r="F444" s="187"/>
      <c r="G444" s="187"/>
      <c r="H444" s="187"/>
      <c r="I444" s="188"/>
    </row>
    <row r="445" spans="2:9" x14ac:dyDescent="0.25">
      <c r="B445" s="33"/>
      <c r="C445" s="186" t="s">
        <v>1301</v>
      </c>
      <c r="D445" s="187"/>
      <c r="E445" s="187"/>
      <c r="F445" s="187"/>
      <c r="G445" s="187"/>
      <c r="H445" s="187"/>
      <c r="I445" s="188"/>
    </row>
    <row r="446" spans="2:9" x14ac:dyDescent="0.25">
      <c r="B446" s="33"/>
      <c r="C446" s="186" t="s">
        <v>1302</v>
      </c>
      <c r="D446" s="187"/>
      <c r="E446" s="187"/>
      <c r="F446" s="187"/>
      <c r="G446" s="187"/>
      <c r="H446" s="187"/>
      <c r="I446" s="188"/>
    </row>
    <row r="447" spans="2:9" x14ac:dyDescent="0.25">
      <c r="B447" s="33"/>
      <c r="C447" s="186" t="s">
        <v>1303</v>
      </c>
      <c r="D447" s="187"/>
      <c r="E447" s="187"/>
      <c r="F447" s="187"/>
      <c r="G447" s="187"/>
      <c r="H447" s="187"/>
      <c r="I447" s="188"/>
    </row>
    <row r="448" spans="2:9" x14ac:dyDescent="0.25">
      <c r="B448" s="33"/>
      <c r="C448" s="186" t="s">
        <v>1304</v>
      </c>
      <c r="D448" s="187"/>
      <c r="E448" s="187"/>
      <c r="F448" s="187"/>
      <c r="G448" s="187"/>
      <c r="H448" s="187"/>
      <c r="I448" s="188"/>
    </row>
    <row r="449" spans="2:9" x14ac:dyDescent="0.25">
      <c r="B449" s="33"/>
      <c r="C449" s="186" t="s">
        <v>1305</v>
      </c>
      <c r="D449" s="187"/>
      <c r="E449" s="187"/>
      <c r="F449" s="187"/>
      <c r="G449" s="187"/>
      <c r="H449" s="187"/>
      <c r="I449" s="188"/>
    </row>
    <row r="450" spans="2:9" x14ac:dyDescent="0.25">
      <c r="B450" s="74"/>
      <c r="C450" s="186" t="s">
        <v>1306</v>
      </c>
      <c r="D450" s="187"/>
      <c r="E450" s="187"/>
      <c r="F450" s="187"/>
      <c r="G450" s="187"/>
      <c r="H450" s="187"/>
      <c r="I450" s="188"/>
    </row>
    <row r="451" spans="2:9" ht="15.75" thickBot="1" x14ac:dyDescent="0.3">
      <c r="B451" s="24"/>
      <c r="C451" s="362" t="s">
        <v>1307</v>
      </c>
      <c r="D451" s="236"/>
      <c r="E451" s="236"/>
      <c r="F451" s="236"/>
      <c r="G451" s="236"/>
      <c r="H451" s="236"/>
      <c r="I451" s="237"/>
    </row>
    <row r="452" spans="2:9" ht="15.75" thickBot="1" x14ac:dyDescent="0.3"/>
    <row r="453" spans="2:9" ht="15.75" thickBot="1" x14ac:dyDescent="0.3">
      <c r="B453" s="253" t="s">
        <v>1404</v>
      </c>
      <c r="C453" s="254"/>
      <c r="D453" s="254"/>
      <c r="E453" s="254"/>
      <c r="F453" s="254"/>
      <c r="G453" s="254"/>
      <c r="H453" s="254"/>
      <c r="I453" s="255"/>
    </row>
    <row r="454" spans="2:9" ht="33.75" customHeight="1" thickBot="1" x14ac:dyDescent="0.3">
      <c r="B454" s="312" t="s">
        <v>1405</v>
      </c>
      <c r="C454" s="313"/>
      <c r="D454" s="313"/>
      <c r="E454" s="313"/>
      <c r="F454" s="313"/>
      <c r="G454" s="313"/>
      <c r="H454" s="313"/>
      <c r="I454" s="314"/>
    </row>
    <row r="455" spans="2:9" x14ac:dyDescent="0.25">
      <c r="B455" s="13"/>
      <c r="C455" s="189" t="s">
        <v>1406</v>
      </c>
      <c r="D455" s="190"/>
      <c r="E455" s="190"/>
      <c r="F455" s="190"/>
      <c r="G455" s="190"/>
      <c r="H455" s="190"/>
      <c r="I455" s="191"/>
    </row>
    <row r="456" spans="2:9" x14ac:dyDescent="0.25">
      <c r="B456" s="8"/>
      <c r="C456" s="186" t="s">
        <v>1407</v>
      </c>
      <c r="D456" s="187"/>
      <c r="E456" s="187"/>
      <c r="F456" s="187"/>
      <c r="G456" s="187"/>
      <c r="H456" s="187"/>
      <c r="I456" s="188"/>
    </row>
    <row r="457" spans="2:9" ht="15.75" thickBot="1" x14ac:dyDescent="0.3">
      <c r="B457" s="39"/>
      <c r="C457" s="222" t="s">
        <v>1408</v>
      </c>
      <c r="D457" s="223"/>
      <c r="E457" s="223"/>
      <c r="F457" s="223"/>
      <c r="G457" s="223"/>
      <c r="H457" s="223"/>
      <c r="I457" s="224"/>
    </row>
    <row r="458" spans="2:9" x14ac:dyDescent="0.25">
      <c r="C458" s="46"/>
      <c r="D458" s="46"/>
      <c r="E458" s="46"/>
      <c r="F458" s="46"/>
      <c r="G458" s="46"/>
      <c r="H458" s="46"/>
      <c r="I458" s="46"/>
    </row>
    <row r="459" spans="2:9" ht="15.75" thickBot="1" x14ac:dyDescent="0.3"/>
    <row r="460" spans="2:9" ht="15.75" thickBot="1" x14ac:dyDescent="0.3">
      <c r="B460" s="253" t="s">
        <v>1394</v>
      </c>
      <c r="C460" s="254"/>
      <c r="D460" s="254"/>
      <c r="E460" s="254"/>
      <c r="F460" s="254"/>
      <c r="G460" s="254"/>
      <c r="H460" s="254"/>
      <c r="I460" s="255"/>
    </row>
    <row r="461" spans="2:9" ht="15.75" thickBot="1" x14ac:dyDescent="0.3">
      <c r="B461" s="311" t="s">
        <v>1395</v>
      </c>
      <c r="C461" s="257"/>
      <c r="D461" s="257"/>
      <c r="E461" s="257"/>
      <c r="F461" s="257"/>
      <c r="G461" s="257"/>
      <c r="H461" s="257"/>
      <c r="I461" s="258"/>
    </row>
    <row r="462" spans="2:9" x14ac:dyDescent="0.25">
      <c r="B462" s="13"/>
      <c r="C462" s="189" t="s">
        <v>1396</v>
      </c>
      <c r="D462" s="190"/>
      <c r="E462" s="190"/>
      <c r="F462" s="190"/>
      <c r="G462" s="190"/>
      <c r="H462" s="190"/>
      <c r="I462" s="191"/>
    </row>
    <row r="463" spans="2:9" x14ac:dyDescent="0.25">
      <c r="B463" s="8"/>
      <c r="C463" s="186" t="s">
        <v>1397</v>
      </c>
      <c r="D463" s="187"/>
      <c r="E463" s="187"/>
      <c r="F463" s="187"/>
      <c r="G463" s="187"/>
      <c r="H463" s="187"/>
      <c r="I463" s="188"/>
    </row>
    <row r="464" spans="2:9" x14ac:dyDescent="0.25">
      <c r="B464" s="8"/>
      <c r="C464" s="186" t="s">
        <v>1398</v>
      </c>
      <c r="D464" s="187"/>
      <c r="E464" s="187"/>
      <c r="F464" s="187"/>
      <c r="G464" s="187"/>
      <c r="H464" s="187"/>
      <c r="I464" s="188"/>
    </row>
    <row r="465" spans="2:9" x14ac:dyDescent="0.25">
      <c r="B465" s="8"/>
      <c r="C465" s="186" t="s">
        <v>1399</v>
      </c>
      <c r="D465" s="187"/>
      <c r="E465" s="187"/>
      <c r="F465" s="187"/>
      <c r="G465" s="187"/>
      <c r="H465" s="187"/>
      <c r="I465" s="188"/>
    </row>
    <row r="466" spans="2:9" x14ac:dyDescent="0.25">
      <c r="B466" s="8"/>
      <c r="C466" s="186" t="s">
        <v>1400</v>
      </c>
      <c r="D466" s="187"/>
      <c r="E466" s="187"/>
      <c r="F466" s="187"/>
      <c r="G466" s="187"/>
      <c r="H466" s="187"/>
      <c r="I466" s="188"/>
    </row>
    <row r="467" spans="2:9" x14ac:dyDescent="0.25">
      <c r="B467" s="8"/>
      <c r="C467" s="186" t="s">
        <v>1401</v>
      </c>
      <c r="D467" s="187"/>
      <c r="E467" s="187"/>
      <c r="F467" s="187"/>
      <c r="G467" s="187"/>
      <c r="H467" s="187"/>
      <c r="I467" s="188"/>
    </row>
    <row r="468" spans="2:9" x14ac:dyDescent="0.25">
      <c r="B468" s="8"/>
      <c r="C468" s="186" t="s">
        <v>1402</v>
      </c>
      <c r="D468" s="187"/>
      <c r="E468" s="187"/>
      <c r="F468" s="187"/>
      <c r="G468" s="187"/>
      <c r="H468" s="187"/>
      <c r="I468" s="188"/>
    </row>
    <row r="469" spans="2:9" ht="15.75" thickBot="1" x14ac:dyDescent="0.3">
      <c r="B469" s="39"/>
      <c r="C469" s="222" t="s">
        <v>1403</v>
      </c>
      <c r="D469" s="223"/>
      <c r="E469" s="223"/>
      <c r="F469" s="223"/>
      <c r="G469" s="223"/>
      <c r="H469" s="223"/>
      <c r="I469" s="224"/>
    </row>
    <row r="470" spans="2:9" ht="15.75" thickBot="1" x14ac:dyDescent="0.3"/>
    <row r="471" spans="2:9" ht="15.75" thickBot="1" x14ac:dyDescent="0.3">
      <c r="B471" s="253" t="s">
        <v>1421</v>
      </c>
      <c r="C471" s="254"/>
      <c r="D471" s="254"/>
      <c r="E471" s="254"/>
      <c r="F471" s="254"/>
      <c r="G471" s="254"/>
      <c r="H471" s="254"/>
      <c r="I471" s="255"/>
    </row>
    <row r="472" spans="2:9" ht="33.75" customHeight="1" thickBot="1" x14ac:dyDescent="0.3">
      <c r="B472" s="312" t="s">
        <v>1422</v>
      </c>
      <c r="C472" s="313"/>
      <c r="D472" s="313"/>
      <c r="E472" s="313"/>
      <c r="F472" s="313"/>
      <c r="G472" s="313"/>
      <c r="H472" s="313"/>
      <c r="I472" s="314"/>
    </row>
    <row r="473" spans="2:9" x14ac:dyDescent="0.25">
      <c r="B473" s="8"/>
      <c r="C473" s="186" t="s">
        <v>1420</v>
      </c>
      <c r="D473" s="187"/>
      <c r="E473" s="187"/>
      <c r="F473" s="187"/>
      <c r="G473" s="187"/>
      <c r="H473" s="187"/>
      <c r="I473" s="188"/>
    </row>
    <row r="474" spans="2:9" x14ac:dyDescent="0.25">
      <c r="B474" s="8"/>
      <c r="C474" s="186" t="s">
        <v>77</v>
      </c>
      <c r="D474" s="187"/>
      <c r="E474" s="187"/>
      <c r="F474" s="187"/>
      <c r="G474" s="187"/>
      <c r="H474" s="187"/>
      <c r="I474" s="188"/>
    </row>
    <row r="475" spans="2:9" x14ac:dyDescent="0.25">
      <c r="B475" s="8"/>
      <c r="C475" s="186" t="s">
        <v>1423</v>
      </c>
      <c r="D475" s="187"/>
      <c r="E475" s="187"/>
      <c r="F475" s="187"/>
      <c r="G475" s="187"/>
      <c r="H475" s="187"/>
      <c r="I475" s="188"/>
    </row>
    <row r="476" spans="2:9" x14ac:dyDescent="0.25">
      <c r="B476" s="8"/>
      <c r="C476" s="321" t="s">
        <v>1424</v>
      </c>
      <c r="D476" s="322"/>
      <c r="E476" s="322"/>
      <c r="F476" s="322"/>
      <c r="G476" s="322"/>
      <c r="H476" s="322"/>
      <c r="I476" s="323"/>
    </row>
    <row r="477" spans="2:9" x14ac:dyDescent="0.25">
      <c r="B477" s="8"/>
      <c r="C477" s="186" t="s">
        <v>1425</v>
      </c>
      <c r="D477" s="187"/>
      <c r="E477" s="187"/>
      <c r="F477" s="187"/>
      <c r="G477" s="187"/>
      <c r="H477" s="187"/>
      <c r="I477" s="188"/>
    </row>
    <row r="478" spans="2:9" x14ac:dyDescent="0.25">
      <c r="B478" s="8"/>
      <c r="C478" s="186" t="s">
        <v>1426</v>
      </c>
      <c r="D478" s="187"/>
      <c r="E478" s="187"/>
      <c r="F478" s="187"/>
      <c r="G478" s="187"/>
      <c r="H478" s="187"/>
      <c r="I478" s="188"/>
    </row>
    <row r="479" spans="2:9" x14ac:dyDescent="0.25">
      <c r="B479" s="8"/>
      <c r="C479" s="186" t="s">
        <v>1427</v>
      </c>
      <c r="D479" s="187"/>
      <c r="E479" s="187"/>
      <c r="F479" s="187"/>
      <c r="G479" s="187"/>
      <c r="H479" s="187"/>
      <c r="I479" s="188"/>
    </row>
    <row r="480" spans="2:9" x14ac:dyDescent="0.25">
      <c r="B480" s="8"/>
      <c r="C480" s="186" t="s">
        <v>1428</v>
      </c>
      <c r="D480" s="187"/>
      <c r="E480" s="187"/>
      <c r="F480" s="187"/>
      <c r="G480" s="187"/>
      <c r="H480" s="187"/>
      <c r="I480" s="188"/>
    </row>
    <row r="481" spans="2:9" x14ac:dyDescent="0.25">
      <c r="B481" s="8"/>
      <c r="C481" s="186" t="s">
        <v>1429</v>
      </c>
      <c r="D481" s="187"/>
      <c r="E481" s="187"/>
      <c r="F481" s="187"/>
      <c r="G481" s="187"/>
      <c r="H481" s="187"/>
      <c r="I481" s="188"/>
    </row>
    <row r="482" spans="2:9" x14ac:dyDescent="0.25">
      <c r="B482" s="8"/>
      <c r="C482" s="186" t="s">
        <v>1430</v>
      </c>
      <c r="D482" s="187"/>
      <c r="E482" s="187"/>
      <c r="F482" s="187"/>
      <c r="G482" s="187"/>
      <c r="H482" s="187"/>
      <c r="I482" s="188"/>
    </row>
    <row r="483" spans="2:9" x14ac:dyDescent="0.25">
      <c r="B483" s="8"/>
      <c r="C483" s="186" t="s">
        <v>1431</v>
      </c>
      <c r="D483" s="187"/>
      <c r="E483" s="187"/>
      <c r="F483" s="187"/>
      <c r="G483" s="187"/>
      <c r="H483" s="187"/>
      <c r="I483" s="188"/>
    </row>
    <row r="484" spans="2:9" x14ac:dyDescent="0.25">
      <c r="B484" s="8"/>
      <c r="C484" s="186" t="s">
        <v>1432</v>
      </c>
      <c r="D484" s="187"/>
      <c r="E484" s="187"/>
      <c r="F484" s="187"/>
      <c r="G484" s="187"/>
      <c r="H484" s="187"/>
      <c r="I484" s="188"/>
    </row>
    <row r="485" spans="2:9" x14ac:dyDescent="0.25">
      <c r="B485" s="8"/>
      <c r="C485" s="186" t="s">
        <v>1433</v>
      </c>
      <c r="D485" s="187"/>
      <c r="E485" s="187"/>
      <c r="F485" s="187"/>
      <c r="G485" s="187"/>
      <c r="H485" s="187"/>
      <c r="I485" s="188"/>
    </row>
    <row r="486" spans="2:9" x14ac:dyDescent="0.25">
      <c r="B486" s="8"/>
      <c r="C486" s="186" t="s">
        <v>1434</v>
      </c>
      <c r="D486" s="187"/>
      <c r="E486" s="187"/>
      <c r="F486" s="187"/>
      <c r="G486" s="187"/>
      <c r="H486" s="187"/>
      <c r="I486" s="188"/>
    </row>
    <row r="487" spans="2:9" x14ac:dyDescent="0.25">
      <c r="B487" s="8"/>
      <c r="C487" s="186" t="s">
        <v>1435</v>
      </c>
      <c r="D487" s="187"/>
      <c r="E487" s="187"/>
      <c r="F487" s="187"/>
      <c r="G487" s="187"/>
      <c r="H487" s="187"/>
      <c r="I487" s="188"/>
    </row>
    <row r="488" spans="2:9" x14ac:dyDescent="0.25">
      <c r="B488" s="8"/>
      <c r="C488" s="186" t="s">
        <v>1436</v>
      </c>
      <c r="D488" s="187"/>
      <c r="E488" s="187"/>
      <c r="F488" s="187"/>
      <c r="G488" s="187"/>
      <c r="H488" s="187"/>
      <c r="I488" s="188"/>
    </row>
    <row r="489" spans="2:9" x14ac:dyDescent="0.25">
      <c r="B489" s="8"/>
      <c r="C489" s="186" t="s">
        <v>1437</v>
      </c>
      <c r="D489" s="187"/>
      <c r="E489" s="187"/>
      <c r="F489" s="187"/>
      <c r="G489" s="187"/>
      <c r="H489" s="187"/>
      <c r="I489" s="188"/>
    </row>
    <row r="490" spans="2:9" x14ac:dyDescent="0.25">
      <c r="B490" s="8"/>
      <c r="C490" s="186" t="s">
        <v>1438</v>
      </c>
      <c r="D490" s="187"/>
      <c r="E490" s="187"/>
      <c r="F490" s="187"/>
      <c r="G490" s="187"/>
      <c r="H490" s="187"/>
      <c r="I490" s="188"/>
    </row>
    <row r="491" spans="2:9" x14ac:dyDescent="0.25">
      <c r="B491" s="8"/>
      <c r="C491" s="186" t="s">
        <v>1439</v>
      </c>
      <c r="D491" s="187"/>
      <c r="E491" s="187"/>
      <c r="F491" s="187"/>
      <c r="G491" s="187"/>
      <c r="H491" s="187"/>
      <c r="I491" s="188"/>
    </row>
    <row r="492" spans="2:9" x14ac:dyDescent="0.25">
      <c r="B492" s="8"/>
      <c r="C492" s="186" t="s">
        <v>1440</v>
      </c>
      <c r="D492" s="187"/>
      <c r="E492" s="187"/>
      <c r="F492" s="187"/>
      <c r="G492" s="187"/>
      <c r="H492" s="187"/>
      <c r="I492" s="188"/>
    </row>
    <row r="493" spans="2:9" x14ac:dyDescent="0.25">
      <c r="B493" s="8"/>
      <c r="C493" s="186" t="s">
        <v>1441</v>
      </c>
      <c r="D493" s="187"/>
      <c r="E493" s="187"/>
      <c r="F493" s="187"/>
      <c r="G493" s="187"/>
      <c r="H493" s="187"/>
      <c r="I493" s="188"/>
    </row>
    <row r="494" spans="2:9" x14ac:dyDescent="0.25">
      <c r="B494" s="8"/>
      <c r="C494" s="265" t="s">
        <v>1442</v>
      </c>
      <c r="D494" s="266"/>
      <c r="E494" s="266"/>
      <c r="F494" s="266"/>
      <c r="G494" s="266"/>
      <c r="H494" s="266"/>
      <c r="I494" s="267"/>
    </row>
    <row r="495" spans="2:9" x14ac:dyDescent="0.25">
      <c r="B495" s="8"/>
      <c r="C495" s="186" t="s">
        <v>1443</v>
      </c>
      <c r="D495" s="187"/>
      <c r="E495" s="187"/>
      <c r="F495" s="187"/>
      <c r="G495" s="187"/>
      <c r="H495" s="187"/>
      <c r="I495" s="188"/>
    </row>
    <row r="496" spans="2:9" x14ac:dyDescent="0.25">
      <c r="B496" s="8"/>
      <c r="C496" s="186" t="s">
        <v>1444</v>
      </c>
      <c r="D496" s="187"/>
      <c r="E496" s="187"/>
      <c r="F496" s="187"/>
      <c r="G496" s="187"/>
      <c r="H496" s="187"/>
      <c r="I496" s="188"/>
    </row>
    <row r="497" spans="2:9" x14ac:dyDescent="0.25">
      <c r="B497" s="8"/>
      <c r="C497" s="186" t="s">
        <v>1445</v>
      </c>
      <c r="D497" s="187"/>
      <c r="E497" s="187"/>
      <c r="F497" s="187"/>
      <c r="G497" s="187"/>
      <c r="H497" s="187"/>
      <c r="I497" s="188"/>
    </row>
    <row r="498" spans="2:9" x14ac:dyDescent="0.25">
      <c r="B498" s="8"/>
      <c r="C498" s="186" t="s">
        <v>1446</v>
      </c>
      <c r="D498" s="187"/>
      <c r="E498" s="187"/>
      <c r="F498" s="187"/>
      <c r="G498" s="187"/>
      <c r="H498" s="187"/>
      <c r="I498" s="188"/>
    </row>
    <row r="499" spans="2:9" x14ac:dyDescent="0.25">
      <c r="B499" s="8"/>
      <c r="C499" s="186" t="s">
        <v>1447</v>
      </c>
      <c r="D499" s="187"/>
      <c r="E499" s="187"/>
      <c r="F499" s="187"/>
      <c r="G499" s="187"/>
      <c r="H499" s="187"/>
      <c r="I499" s="188"/>
    </row>
    <row r="500" spans="2:9" x14ac:dyDescent="0.25">
      <c r="B500" s="8"/>
      <c r="C500" s="265" t="s">
        <v>1448</v>
      </c>
      <c r="D500" s="266"/>
      <c r="E500" s="266"/>
      <c r="F500" s="266"/>
      <c r="G500" s="266"/>
      <c r="H500" s="266"/>
      <c r="I500" s="267"/>
    </row>
    <row r="501" spans="2:9" x14ac:dyDescent="0.25">
      <c r="B501" s="8"/>
      <c r="C501" s="186" t="s">
        <v>1440</v>
      </c>
      <c r="D501" s="187"/>
      <c r="E501" s="187"/>
      <c r="F501" s="187"/>
      <c r="G501" s="187"/>
      <c r="H501" s="187"/>
      <c r="I501" s="188"/>
    </row>
    <row r="502" spans="2:9" x14ac:dyDescent="0.25">
      <c r="B502" s="8"/>
      <c r="C502" s="186" t="s">
        <v>1449</v>
      </c>
      <c r="D502" s="187"/>
      <c r="E502" s="187"/>
      <c r="F502" s="187"/>
      <c r="G502" s="187"/>
      <c r="H502" s="187"/>
      <c r="I502" s="188"/>
    </row>
    <row r="503" spans="2:9" x14ac:dyDescent="0.25">
      <c r="B503" s="8"/>
      <c r="C503" s="265" t="s">
        <v>1450</v>
      </c>
      <c r="D503" s="266"/>
      <c r="E503" s="266"/>
      <c r="F503" s="266"/>
      <c r="G503" s="266"/>
      <c r="H503" s="266"/>
      <c r="I503" s="267"/>
    </row>
    <row r="504" spans="2:9" x14ac:dyDescent="0.25">
      <c r="B504" s="8"/>
      <c r="C504" s="186" t="s">
        <v>1451</v>
      </c>
      <c r="D504" s="187"/>
      <c r="E504" s="187"/>
      <c r="F504" s="187"/>
      <c r="G504" s="187"/>
      <c r="H504" s="187"/>
      <c r="I504" s="188"/>
    </row>
    <row r="505" spans="2:9" x14ac:dyDescent="0.25">
      <c r="B505" s="8"/>
      <c r="C505" s="186" t="s">
        <v>1452</v>
      </c>
      <c r="D505" s="187"/>
      <c r="E505" s="187"/>
      <c r="F505" s="187"/>
      <c r="G505" s="187"/>
      <c r="H505" s="187"/>
      <c r="I505" s="188"/>
    </row>
    <row r="506" spans="2:9" x14ac:dyDescent="0.25">
      <c r="B506" s="8"/>
      <c r="C506" s="186" t="s">
        <v>1453</v>
      </c>
      <c r="D506" s="187"/>
      <c r="E506" s="187"/>
      <c r="F506" s="187"/>
      <c r="G506" s="187"/>
      <c r="H506" s="187"/>
      <c r="I506" s="188"/>
    </row>
    <row r="507" spans="2:9" x14ac:dyDescent="0.25">
      <c r="B507" s="8"/>
      <c r="C507" s="265" t="s">
        <v>1454</v>
      </c>
      <c r="D507" s="266"/>
      <c r="E507" s="266"/>
      <c r="F507" s="266"/>
      <c r="G507" s="266"/>
      <c r="H507" s="266"/>
      <c r="I507" s="267"/>
    </row>
    <row r="508" spans="2:9" x14ac:dyDescent="0.25">
      <c r="B508" s="8"/>
      <c r="C508" s="186" t="s">
        <v>1455</v>
      </c>
      <c r="D508" s="187"/>
      <c r="E508" s="187"/>
      <c r="F508" s="187"/>
      <c r="G508" s="187"/>
      <c r="H508" s="187"/>
      <c r="I508" s="188"/>
    </row>
    <row r="509" spans="2:9" x14ac:dyDescent="0.25">
      <c r="B509" s="8"/>
      <c r="C509" s="186" t="s">
        <v>1456</v>
      </c>
      <c r="D509" s="187"/>
      <c r="E509" s="187"/>
      <c r="F509" s="187"/>
      <c r="G509" s="187"/>
      <c r="H509" s="187"/>
      <c r="I509" s="188"/>
    </row>
    <row r="510" spans="2:9" x14ac:dyDescent="0.25">
      <c r="B510" s="8"/>
      <c r="C510" s="186" t="s">
        <v>1457</v>
      </c>
      <c r="D510" s="187"/>
      <c r="E510" s="187"/>
      <c r="F510" s="187"/>
      <c r="G510" s="187"/>
      <c r="H510" s="187"/>
      <c r="I510" s="188"/>
    </row>
    <row r="511" spans="2:9" x14ac:dyDescent="0.25">
      <c r="B511" s="8"/>
      <c r="C511" s="186" t="s">
        <v>1458</v>
      </c>
      <c r="D511" s="187"/>
      <c r="E511" s="187"/>
      <c r="F511" s="187"/>
      <c r="G511" s="187"/>
      <c r="H511" s="187"/>
      <c r="I511" s="188"/>
    </row>
    <row r="512" spans="2:9" x14ac:dyDescent="0.25">
      <c r="B512" s="8"/>
      <c r="C512" s="186" t="s">
        <v>1459</v>
      </c>
      <c r="D512" s="187"/>
      <c r="E512" s="187"/>
      <c r="F512" s="187"/>
      <c r="G512" s="187"/>
      <c r="H512" s="187"/>
      <c r="I512" s="188"/>
    </row>
    <row r="513" spans="2:9" x14ac:dyDescent="0.25">
      <c r="B513" s="8"/>
      <c r="C513" s="186" t="s">
        <v>1460</v>
      </c>
      <c r="D513" s="187"/>
      <c r="E513" s="187"/>
      <c r="F513" s="187"/>
      <c r="G513" s="187"/>
      <c r="H513" s="187"/>
      <c r="I513" s="188"/>
    </row>
    <row r="514" spans="2:9" x14ac:dyDescent="0.25">
      <c r="B514" s="8"/>
      <c r="C514" s="186" t="s">
        <v>1461</v>
      </c>
      <c r="D514" s="187"/>
      <c r="E514" s="187"/>
      <c r="F514" s="187"/>
      <c r="G514" s="187"/>
      <c r="H514" s="187"/>
      <c r="I514" s="188"/>
    </row>
    <row r="515" spans="2:9" x14ac:dyDescent="0.25">
      <c r="B515" s="8"/>
      <c r="C515" s="186" t="s">
        <v>1462</v>
      </c>
      <c r="D515" s="187"/>
      <c r="E515" s="187"/>
      <c r="F515" s="187"/>
      <c r="G515" s="187"/>
      <c r="H515" s="187"/>
      <c r="I515" s="188"/>
    </row>
    <row r="516" spans="2:9" x14ac:dyDescent="0.25">
      <c r="B516" s="8"/>
      <c r="C516" s="186" t="s">
        <v>1463</v>
      </c>
      <c r="D516" s="187"/>
      <c r="E516" s="187"/>
      <c r="F516" s="187"/>
      <c r="G516" s="187"/>
      <c r="H516" s="187"/>
      <c r="I516" s="188"/>
    </row>
    <row r="517" spans="2:9" ht="15.75" thickBot="1" x14ac:dyDescent="0.3">
      <c r="B517" s="39"/>
      <c r="C517" s="222" t="s">
        <v>1464</v>
      </c>
      <c r="D517" s="223"/>
      <c r="E517" s="223"/>
      <c r="F517" s="223"/>
      <c r="G517" s="223"/>
      <c r="H517" s="223"/>
      <c r="I517" s="224"/>
    </row>
    <row r="518" spans="2:9" ht="15.75" thickBot="1" x14ac:dyDescent="0.3"/>
    <row r="519" spans="2:9" ht="15.75" thickBot="1" x14ac:dyDescent="0.3">
      <c r="B519" s="253" t="s">
        <v>1409</v>
      </c>
      <c r="C519" s="254"/>
      <c r="D519" s="254"/>
      <c r="E519" s="254"/>
      <c r="F519" s="254"/>
      <c r="G519" s="254"/>
      <c r="H519" s="254"/>
      <c r="I519" s="255"/>
    </row>
    <row r="520" spans="2:9" ht="15.75" thickBot="1" x14ac:dyDescent="0.3">
      <c r="B520" s="311" t="s">
        <v>1410</v>
      </c>
      <c r="C520" s="257"/>
      <c r="D520" s="257"/>
      <c r="E520" s="257"/>
      <c r="F520" s="257"/>
      <c r="G520" s="257"/>
      <c r="H520" s="257"/>
      <c r="I520" s="258"/>
    </row>
    <row r="521" spans="2:9" x14ac:dyDescent="0.25">
      <c r="B521" s="13"/>
      <c r="C521" s="189" t="s">
        <v>1411</v>
      </c>
      <c r="D521" s="190"/>
      <c r="E521" s="190"/>
      <c r="F521" s="190"/>
      <c r="G521" s="190"/>
      <c r="H521" s="190"/>
      <c r="I521" s="191"/>
    </row>
    <row r="522" spans="2:9" x14ac:dyDescent="0.25">
      <c r="B522" s="8"/>
      <c r="C522" s="186" t="s">
        <v>1412</v>
      </c>
      <c r="D522" s="187"/>
      <c r="E522" s="187"/>
      <c r="F522" s="187"/>
      <c r="G522" s="187"/>
      <c r="H522" s="187"/>
      <c r="I522" s="188"/>
    </row>
    <row r="523" spans="2:9" x14ac:dyDescent="0.25">
      <c r="B523" s="8"/>
      <c r="C523" s="186" t="s">
        <v>1413</v>
      </c>
      <c r="D523" s="187"/>
      <c r="E523" s="187"/>
      <c r="F523" s="187"/>
      <c r="G523" s="187"/>
      <c r="H523" s="187"/>
      <c r="I523" s="188"/>
    </row>
    <row r="524" spans="2:9" x14ac:dyDescent="0.25">
      <c r="B524" s="8"/>
      <c r="C524" s="186" t="s">
        <v>1414</v>
      </c>
      <c r="D524" s="187"/>
      <c r="E524" s="187"/>
      <c r="F524" s="187"/>
      <c r="G524" s="187"/>
      <c r="H524" s="187"/>
      <c r="I524" s="188"/>
    </row>
    <row r="525" spans="2:9" x14ac:dyDescent="0.25">
      <c r="B525" s="8"/>
      <c r="C525" s="186" t="s">
        <v>1415</v>
      </c>
      <c r="D525" s="187"/>
      <c r="E525" s="187"/>
      <c r="F525" s="187"/>
      <c r="G525" s="187"/>
      <c r="H525" s="187"/>
      <c r="I525" s="188"/>
    </row>
    <row r="526" spans="2:9" x14ac:dyDescent="0.25">
      <c r="B526" s="8"/>
      <c r="C526" s="186" t="s">
        <v>1416</v>
      </c>
      <c r="D526" s="187"/>
      <c r="E526" s="187"/>
      <c r="F526" s="187"/>
      <c r="G526" s="187"/>
      <c r="H526" s="187"/>
      <c r="I526" s="188"/>
    </row>
    <row r="527" spans="2:9" x14ac:dyDescent="0.25">
      <c r="B527" s="8"/>
      <c r="C527" s="186" t="s">
        <v>1417</v>
      </c>
      <c r="D527" s="187"/>
      <c r="E527" s="187"/>
      <c r="F527" s="187"/>
      <c r="G527" s="187"/>
      <c r="H527" s="187"/>
      <c r="I527" s="188"/>
    </row>
    <row r="528" spans="2:9" x14ac:dyDescent="0.25">
      <c r="B528" s="8"/>
      <c r="C528" s="186" t="s">
        <v>1418</v>
      </c>
      <c r="D528" s="187"/>
      <c r="E528" s="187"/>
      <c r="F528" s="187"/>
      <c r="G528" s="187"/>
      <c r="H528" s="187"/>
      <c r="I528" s="188"/>
    </row>
    <row r="529" spans="2:9" ht="15.75" thickBot="1" x14ac:dyDescent="0.3">
      <c r="B529" s="39"/>
      <c r="C529" s="222" t="s">
        <v>1419</v>
      </c>
      <c r="D529" s="223"/>
      <c r="E529" s="223"/>
      <c r="F529" s="223"/>
      <c r="G529" s="223"/>
      <c r="H529" s="223"/>
      <c r="I529" s="224"/>
    </row>
    <row r="530" spans="2:9" ht="15.75" thickBot="1" x14ac:dyDescent="0.3"/>
    <row r="531" spans="2:9" ht="15.75" thickBot="1" x14ac:dyDescent="0.3">
      <c r="B531" s="253" t="s">
        <v>1479</v>
      </c>
      <c r="C531" s="254"/>
      <c r="D531" s="254"/>
      <c r="E531" s="254"/>
      <c r="F531" s="254"/>
      <c r="G531" s="254"/>
      <c r="H531" s="254"/>
      <c r="I531" s="255"/>
    </row>
    <row r="532" spans="2:9" ht="15.75" thickBot="1" x14ac:dyDescent="0.3">
      <c r="B532" s="311" t="s">
        <v>1480</v>
      </c>
      <c r="C532" s="257"/>
      <c r="D532" s="257"/>
      <c r="E532" s="257"/>
      <c r="F532" s="257"/>
      <c r="G532" s="257"/>
      <c r="H532" s="257"/>
      <c r="I532" s="258"/>
    </row>
    <row r="533" spans="2:9" x14ac:dyDescent="0.25">
      <c r="B533" s="13"/>
      <c r="C533" s="189" t="s">
        <v>939</v>
      </c>
      <c r="D533" s="190"/>
      <c r="E533" s="190"/>
      <c r="F533" s="190"/>
      <c r="G533" s="190"/>
      <c r="H533" s="190"/>
      <c r="I533" s="191"/>
    </row>
    <row r="534" spans="2:9" x14ac:dyDescent="0.25">
      <c r="B534" s="8"/>
      <c r="C534" s="186" t="s">
        <v>1469</v>
      </c>
      <c r="D534" s="187"/>
      <c r="E534" s="187"/>
      <c r="F534" s="187"/>
      <c r="G534" s="187"/>
      <c r="H534" s="187"/>
      <c r="I534" s="188"/>
    </row>
    <row r="535" spans="2:9" x14ac:dyDescent="0.25">
      <c r="B535" s="8"/>
      <c r="C535" s="186" t="s">
        <v>1470</v>
      </c>
      <c r="D535" s="187"/>
      <c r="E535" s="187"/>
      <c r="F535" s="187"/>
      <c r="G535" s="187"/>
      <c r="H535" s="187"/>
      <c r="I535" s="188"/>
    </row>
    <row r="536" spans="2:9" x14ac:dyDescent="0.25">
      <c r="B536" s="8"/>
      <c r="C536" s="186" t="s">
        <v>1471</v>
      </c>
      <c r="D536" s="187"/>
      <c r="E536" s="187"/>
      <c r="F536" s="187"/>
      <c r="G536" s="187"/>
      <c r="H536" s="187"/>
      <c r="I536" s="188"/>
    </row>
    <row r="537" spans="2:9" x14ac:dyDescent="0.25">
      <c r="B537" s="8"/>
      <c r="C537" s="186" t="s">
        <v>1472</v>
      </c>
      <c r="D537" s="187"/>
      <c r="E537" s="187"/>
      <c r="F537" s="187"/>
      <c r="G537" s="187"/>
      <c r="H537" s="187"/>
      <c r="I537" s="188"/>
    </row>
    <row r="538" spans="2:9" x14ac:dyDescent="0.25">
      <c r="B538" s="8"/>
      <c r="C538" s="186" t="s">
        <v>1473</v>
      </c>
      <c r="D538" s="187"/>
      <c r="E538" s="187"/>
      <c r="F538" s="187"/>
      <c r="G538" s="187"/>
      <c r="H538" s="187"/>
      <c r="I538" s="188"/>
    </row>
    <row r="539" spans="2:9" x14ac:dyDescent="0.25">
      <c r="B539" s="8"/>
      <c r="C539" s="186" t="s">
        <v>1474</v>
      </c>
      <c r="D539" s="187"/>
      <c r="E539" s="187"/>
      <c r="F539" s="187"/>
      <c r="G539" s="187"/>
      <c r="H539" s="187"/>
      <c r="I539" s="188"/>
    </row>
    <row r="540" spans="2:9" x14ac:dyDescent="0.25">
      <c r="B540" s="8"/>
      <c r="C540" s="186" t="s">
        <v>1381</v>
      </c>
      <c r="D540" s="187"/>
      <c r="E540" s="187"/>
      <c r="F540" s="187"/>
      <c r="G540" s="187"/>
      <c r="H540" s="187"/>
      <c r="I540" s="188"/>
    </row>
    <row r="541" spans="2:9" x14ac:dyDescent="0.25">
      <c r="B541" s="8"/>
      <c r="C541" s="186" t="s">
        <v>1475</v>
      </c>
      <c r="D541" s="187"/>
      <c r="E541" s="187"/>
      <c r="F541" s="187"/>
      <c r="G541" s="187"/>
      <c r="H541" s="187"/>
      <c r="I541" s="188"/>
    </row>
    <row r="542" spans="2:9" x14ac:dyDescent="0.25">
      <c r="B542" s="8"/>
      <c r="C542" s="186" t="s">
        <v>1476</v>
      </c>
      <c r="D542" s="187"/>
      <c r="E542" s="187"/>
      <c r="F542" s="187"/>
      <c r="G542" s="187"/>
      <c r="H542" s="187"/>
      <c r="I542" s="188"/>
    </row>
    <row r="543" spans="2:9" x14ac:dyDescent="0.25">
      <c r="B543" s="8"/>
      <c r="C543" s="186" t="s">
        <v>1477</v>
      </c>
      <c r="D543" s="187"/>
      <c r="E543" s="187"/>
      <c r="F543" s="187"/>
      <c r="G543" s="187"/>
      <c r="H543" s="187"/>
      <c r="I543" s="188"/>
    </row>
    <row r="544" spans="2:9" ht="15.75" thickBot="1" x14ac:dyDescent="0.3">
      <c r="B544" s="39"/>
      <c r="C544" s="222" t="s">
        <v>1478</v>
      </c>
      <c r="D544" s="223"/>
      <c r="E544" s="223"/>
      <c r="F544" s="223"/>
      <c r="G544" s="223"/>
      <c r="H544" s="223"/>
      <c r="I544" s="224"/>
    </row>
    <row r="545" spans="2:9" x14ac:dyDescent="0.25">
      <c r="C545" s="46"/>
      <c r="D545" s="46"/>
      <c r="E545" s="46"/>
      <c r="F545" s="46"/>
      <c r="G545" s="46"/>
      <c r="H545" s="46"/>
      <c r="I545" s="46"/>
    </row>
    <row r="546" spans="2:9" ht="15.75" thickBot="1" x14ac:dyDescent="0.3">
      <c r="C546" s="46"/>
      <c r="D546" s="46"/>
      <c r="E546" s="46"/>
      <c r="F546" s="46"/>
      <c r="G546" s="46"/>
      <c r="H546" s="46"/>
      <c r="I546" s="46"/>
    </row>
    <row r="547" spans="2:9" ht="15.75" thickBot="1" x14ac:dyDescent="0.3">
      <c r="B547" s="253" t="s">
        <v>1497</v>
      </c>
      <c r="C547" s="254"/>
      <c r="D547" s="254"/>
      <c r="E547" s="254"/>
      <c r="F547" s="254"/>
      <c r="G547" s="254"/>
      <c r="H547" s="254"/>
      <c r="I547" s="255"/>
    </row>
    <row r="548" spans="2:9" ht="15.75" thickBot="1" x14ac:dyDescent="0.3">
      <c r="B548" s="311" t="s">
        <v>1498</v>
      </c>
      <c r="C548" s="324"/>
      <c r="D548" s="324"/>
      <c r="E548" s="324"/>
      <c r="F548" s="324"/>
      <c r="G548" s="324"/>
      <c r="H548" s="324"/>
      <c r="I548" s="325"/>
    </row>
    <row r="549" spans="2:9" x14ac:dyDescent="0.25">
      <c r="B549" s="73"/>
      <c r="C549" s="229" t="s">
        <v>1499</v>
      </c>
      <c r="D549" s="203"/>
      <c r="E549" s="203"/>
      <c r="F549" s="203"/>
      <c r="G549" s="203"/>
      <c r="H549" s="203"/>
      <c r="I549" s="204"/>
    </row>
    <row r="550" spans="2:9" x14ac:dyDescent="0.25">
      <c r="B550" s="33"/>
      <c r="C550" s="198" t="s">
        <v>1500</v>
      </c>
      <c r="D550" s="193"/>
      <c r="E550" s="193"/>
      <c r="F550" s="193"/>
      <c r="G550" s="193"/>
      <c r="H550" s="193"/>
      <c r="I550" s="194"/>
    </row>
    <row r="551" spans="2:9" x14ac:dyDescent="0.25">
      <c r="B551" s="33"/>
      <c r="C551" s="198" t="s">
        <v>1501</v>
      </c>
      <c r="D551" s="193"/>
      <c r="E551" s="193"/>
      <c r="F551" s="193"/>
      <c r="G551" s="193"/>
      <c r="H551" s="193"/>
      <c r="I551" s="194"/>
    </row>
    <row r="552" spans="2:9" x14ac:dyDescent="0.25">
      <c r="B552" s="33"/>
      <c r="C552" s="198" t="s">
        <v>1502</v>
      </c>
      <c r="D552" s="193"/>
      <c r="E552" s="193"/>
      <c r="F552" s="193"/>
      <c r="G552" s="193"/>
      <c r="H552" s="193"/>
      <c r="I552" s="194"/>
    </row>
    <row r="553" spans="2:9" x14ac:dyDescent="0.25">
      <c r="B553" s="33"/>
      <c r="C553" s="198" t="s">
        <v>1503</v>
      </c>
      <c r="D553" s="193"/>
      <c r="E553" s="193"/>
      <c r="F553" s="193"/>
      <c r="G553" s="193"/>
      <c r="H553" s="193"/>
      <c r="I553" s="194"/>
    </row>
    <row r="554" spans="2:9" x14ac:dyDescent="0.25">
      <c r="B554" s="33"/>
      <c r="C554" s="198" t="s">
        <v>1504</v>
      </c>
      <c r="D554" s="193"/>
      <c r="E554" s="193"/>
      <c r="F554" s="193"/>
      <c r="G554" s="193"/>
      <c r="H554" s="193"/>
      <c r="I554" s="194"/>
    </row>
    <row r="555" spans="2:9" ht="15.75" thickBot="1" x14ac:dyDescent="0.3">
      <c r="B555" s="81"/>
      <c r="C555" s="206" t="s">
        <v>1505</v>
      </c>
      <c r="D555" s="196"/>
      <c r="E555" s="196"/>
      <c r="F555" s="196"/>
      <c r="G555" s="196"/>
      <c r="H555" s="196"/>
      <c r="I555" s="197"/>
    </row>
    <row r="556" spans="2:9" x14ac:dyDescent="0.25">
      <c r="C556" s="46"/>
      <c r="D556" s="46"/>
      <c r="E556" s="46"/>
      <c r="F556" s="46"/>
      <c r="G556" s="46"/>
      <c r="H556" s="46"/>
      <c r="I556" s="46"/>
    </row>
    <row r="557" spans="2:9" ht="15.75" thickBot="1" x14ac:dyDescent="0.3"/>
    <row r="558" spans="2:9" ht="15.75" thickBot="1" x14ac:dyDescent="0.3">
      <c r="B558" s="253" t="s">
        <v>1465</v>
      </c>
      <c r="C558" s="254"/>
      <c r="D558" s="254"/>
      <c r="E558" s="254"/>
      <c r="F558" s="254"/>
      <c r="G558" s="254"/>
      <c r="H558" s="254"/>
      <c r="I558" s="255"/>
    </row>
    <row r="559" spans="2:9" ht="15.75" thickBot="1" x14ac:dyDescent="0.3">
      <c r="B559" s="311" t="s">
        <v>1466</v>
      </c>
      <c r="C559" s="257"/>
      <c r="D559" s="257"/>
      <c r="E559" s="257"/>
      <c r="F559" s="257"/>
      <c r="G559" s="257"/>
      <c r="H559" s="257"/>
      <c r="I559" s="258"/>
    </row>
    <row r="560" spans="2:9" x14ac:dyDescent="0.25">
      <c r="B560" s="13"/>
      <c r="C560" s="189" t="s">
        <v>1467</v>
      </c>
      <c r="D560" s="190"/>
      <c r="E560" s="190"/>
      <c r="F560" s="190"/>
      <c r="G560" s="190"/>
      <c r="H560" s="190"/>
      <c r="I560" s="191"/>
    </row>
    <row r="561" spans="2:9" x14ac:dyDescent="0.25">
      <c r="B561" s="8"/>
      <c r="C561" s="186" t="s">
        <v>1468</v>
      </c>
      <c r="D561" s="187"/>
      <c r="E561" s="187"/>
      <c r="F561" s="187"/>
      <c r="G561" s="187"/>
      <c r="H561" s="187"/>
      <c r="I561" s="188"/>
    </row>
    <row r="562" spans="2:9" ht="15.75" thickBot="1" x14ac:dyDescent="0.3">
      <c r="B562" s="39"/>
      <c r="C562" s="222" t="s">
        <v>1224</v>
      </c>
      <c r="D562" s="223"/>
      <c r="E562" s="223"/>
      <c r="F562" s="223"/>
      <c r="G562" s="223"/>
      <c r="H562" s="223"/>
      <c r="I562" s="224"/>
    </row>
  </sheetData>
  <sheetProtection password="F113" sheet="1" objects="1" scenarios="1"/>
  <customSheetViews>
    <customSheetView guid="{EC814CE1-0F1E-4212-A340-F06F8C30AE5D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1"/>
    </customSheetView>
    <customSheetView guid="{A251BD93-D9C7-4F55-9631-01CAEE64168F}" fitToPage="1" hiddenRows="1" hiddenColumns="1" topLeftCell="A547">
      <selection activeCell="F565" sqref="F565"/>
      <pageMargins left="0.7" right="0.7" top="0.75" bottom="0.75" header="0.3" footer="0.3"/>
      <pageSetup paperSize="9" scale="63" fitToHeight="0" orientation="portrait" r:id="rId2"/>
    </customSheetView>
  </customSheetViews>
  <mergeCells count="492">
    <mergeCell ref="C553:I553"/>
    <mergeCell ref="C554:I554"/>
    <mergeCell ref="C555:I555"/>
    <mergeCell ref="C171:I171"/>
    <mergeCell ref="C172:I172"/>
    <mergeCell ref="C177:I177"/>
    <mergeCell ref="C176:I176"/>
    <mergeCell ref="C178:I178"/>
    <mergeCell ref="C179:I179"/>
    <mergeCell ref="B175:I175"/>
    <mergeCell ref="B547:I547"/>
    <mergeCell ref="B548:I548"/>
    <mergeCell ref="C516:I516"/>
    <mergeCell ref="C517:I517"/>
    <mergeCell ref="C473:I473"/>
    <mergeCell ref="C488:I488"/>
    <mergeCell ref="C489:I489"/>
    <mergeCell ref="C490:I490"/>
    <mergeCell ref="C491:I491"/>
    <mergeCell ref="C501:I501"/>
    <mergeCell ref="C502:I502"/>
    <mergeCell ref="C480:I480"/>
    <mergeCell ref="C481:I481"/>
    <mergeCell ref="C478:I478"/>
    <mergeCell ref="C163:I163"/>
    <mergeCell ref="C164:I164"/>
    <mergeCell ref="C165:I165"/>
    <mergeCell ref="C166:I166"/>
    <mergeCell ref="C167:I167"/>
    <mergeCell ref="C168:I168"/>
    <mergeCell ref="C169:I169"/>
    <mergeCell ref="C170:I170"/>
    <mergeCell ref="C552:I552"/>
    <mergeCell ref="B471:I471"/>
    <mergeCell ref="B472:I472"/>
    <mergeCell ref="C503:I503"/>
    <mergeCell ref="C504:I504"/>
    <mergeCell ref="C485:I485"/>
    <mergeCell ref="C486:I486"/>
    <mergeCell ref="C487:I487"/>
    <mergeCell ref="C492:I492"/>
    <mergeCell ref="C498:I498"/>
    <mergeCell ref="C499:I499"/>
    <mergeCell ref="C500:I500"/>
    <mergeCell ref="C474:I474"/>
    <mergeCell ref="C475:I475"/>
    <mergeCell ref="C476:I476"/>
    <mergeCell ref="C477:I477"/>
    <mergeCell ref="B158:I158"/>
    <mergeCell ref="C159:I159"/>
    <mergeCell ref="C160:I160"/>
    <mergeCell ref="C161:I161"/>
    <mergeCell ref="C451:I451"/>
    <mergeCell ref="B335:I335"/>
    <mergeCell ref="B336:I336"/>
    <mergeCell ref="B174:I174"/>
    <mergeCell ref="C447:I447"/>
    <mergeCell ref="C448:I448"/>
    <mergeCell ref="C449:I449"/>
    <mergeCell ref="C450:I450"/>
    <mergeCell ref="C445:I445"/>
    <mergeCell ref="C446:I446"/>
    <mergeCell ref="C405:I405"/>
    <mergeCell ref="C406:I406"/>
    <mergeCell ref="C407:I407"/>
    <mergeCell ref="C408:I408"/>
    <mergeCell ref="C409:I409"/>
    <mergeCell ref="C410:I410"/>
    <mergeCell ref="C371:I371"/>
    <mergeCell ref="C399:I399"/>
    <mergeCell ref="C400:I400"/>
    <mergeCell ref="C162:I162"/>
    <mergeCell ref="C479:I479"/>
    <mergeCell ref="C482:I482"/>
    <mergeCell ref="C483:I483"/>
    <mergeCell ref="C484:I484"/>
    <mergeCell ref="C469:I469"/>
    <mergeCell ref="B460:I460"/>
    <mergeCell ref="B461:I461"/>
    <mergeCell ref="C462:I462"/>
    <mergeCell ref="C463:I463"/>
    <mergeCell ref="C464:I464"/>
    <mergeCell ref="C465:I465"/>
    <mergeCell ref="C466:I466"/>
    <mergeCell ref="C467:I467"/>
    <mergeCell ref="C468:I468"/>
    <mergeCell ref="C113:I113"/>
    <mergeCell ref="C98:I98"/>
    <mergeCell ref="C99:I99"/>
    <mergeCell ref="C100:I100"/>
    <mergeCell ref="C101:I101"/>
    <mergeCell ref="C102:I102"/>
    <mergeCell ref="C103:I103"/>
    <mergeCell ref="C104:I104"/>
    <mergeCell ref="C105:I105"/>
    <mergeCell ref="C106:I106"/>
    <mergeCell ref="C95:I95"/>
    <mergeCell ref="C96:I96"/>
    <mergeCell ref="C97:I97"/>
    <mergeCell ref="C107:I107"/>
    <mergeCell ref="C108:I108"/>
    <mergeCell ref="C109:I109"/>
    <mergeCell ref="C110:I110"/>
    <mergeCell ref="C111:I111"/>
    <mergeCell ref="C112:I112"/>
    <mergeCell ref="C86:I86"/>
    <mergeCell ref="C87:I87"/>
    <mergeCell ref="C88:I88"/>
    <mergeCell ref="C89:I89"/>
    <mergeCell ref="C90:I90"/>
    <mergeCell ref="C91:I91"/>
    <mergeCell ref="C92:I92"/>
    <mergeCell ref="C93:I93"/>
    <mergeCell ref="C94:I94"/>
    <mergeCell ref="C77:I77"/>
    <mergeCell ref="C78:I78"/>
    <mergeCell ref="C79:I79"/>
    <mergeCell ref="C80:I80"/>
    <mergeCell ref="C81:I81"/>
    <mergeCell ref="C82:I82"/>
    <mergeCell ref="C83:I83"/>
    <mergeCell ref="C84:I84"/>
    <mergeCell ref="C85:I85"/>
    <mergeCell ref="C68:I68"/>
    <mergeCell ref="C69:I69"/>
    <mergeCell ref="C70:I70"/>
    <mergeCell ref="C71:I71"/>
    <mergeCell ref="C72:I72"/>
    <mergeCell ref="C73:I73"/>
    <mergeCell ref="C74:I74"/>
    <mergeCell ref="C75:I75"/>
    <mergeCell ref="C76:I76"/>
    <mergeCell ref="C59:I59"/>
    <mergeCell ref="C60:I60"/>
    <mergeCell ref="C61:I61"/>
    <mergeCell ref="C62:I62"/>
    <mergeCell ref="C63:I63"/>
    <mergeCell ref="C64:I64"/>
    <mergeCell ref="C65:I65"/>
    <mergeCell ref="C66:I66"/>
    <mergeCell ref="C67:I67"/>
    <mergeCell ref="C53:I53"/>
    <mergeCell ref="C54:I54"/>
    <mergeCell ref="C55:I55"/>
    <mergeCell ref="C56:I56"/>
    <mergeCell ref="C57:I57"/>
    <mergeCell ref="C58:I58"/>
    <mergeCell ref="B21:I22"/>
    <mergeCell ref="B23:I23"/>
    <mergeCell ref="B24:I24"/>
    <mergeCell ref="B25:I26"/>
    <mergeCell ref="B27:I28"/>
    <mergeCell ref="B29:I29"/>
    <mergeCell ref="B47:I47"/>
    <mergeCell ref="B48:I48"/>
    <mergeCell ref="C49:I49"/>
    <mergeCell ref="C50:I50"/>
    <mergeCell ref="C51:I51"/>
    <mergeCell ref="C52:I52"/>
    <mergeCell ref="B43:I45"/>
    <mergeCell ref="B39:I39"/>
    <mergeCell ref="B30:I30"/>
    <mergeCell ref="B40:I42"/>
    <mergeCell ref="B31:I31"/>
    <mergeCell ref="B32:I32"/>
    <mergeCell ref="B33:I33"/>
    <mergeCell ref="B34:I34"/>
    <mergeCell ref="B35:I35"/>
    <mergeCell ref="B36:I36"/>
    <mergeCell ref="B37:I38"/>
    <mergeCell ref="C441:I441"/>
    <mergeCell ref="C442:I442"/>
    <mergeCell ref="C443:I443"/>
    <mergeCell ref="C444:I444"/>
    <mergeCell ref="C426:I426"/>
    <mergeCell ref="C427:I427"/>
    <mergeCell ref="C428:I428"/>
    <mergeCell ref="C411:I411"/>
    <mergeCell ref="C412:I412"/>
    <mergeCell ref="C413:I413"/>
    <mergeCell ref="C414:I414"/>
    <mergeCell ref="C415:I415"/>
    <mergeCell ref="C416:I416"/>
    <mergeCell ref="C417:I417"/>
    <mergeCell ref="C418:I418"/>
    <mergeCell ref="C419:I419"/>
    <mergeCell ref="C402:I402"/>
    <mergeCell ref="C403:I403"/>
    <mergeCell ref="C404:I404"/>
    <mergeCell ref="B15:I18"/>
    <mergeCell ref="B19:I20"/>
    <mergeCell ref="B1:I1"/>
    <mergeCell ref="B2:I2"/>
    <mergeCell ref="B3:I3"/>
    <mergeCell ref="B4:I14"/>
    <mergeCell ref="C438:I438"/>
    <mergeCell ref="C439:I439"/>
    <mergeCell ref="C440:I440"/>
    <mergeCell ref="C429:I429"/>
    <mergeCell ref="C430:I430"/>
    <mergeCell ref="C431:I431"/>
    <mergeCell ref="C432:I432"/>
    <mergeCell ref="C433:I433"/>
    <mergeCell ref="C434:I434"/>
    <mergeCell ref="C435:I435"/>
    <mergeCell ref="C436:I436"/>
    <mergeCell ref="C437:I437"/>
    <mergeCell ref="C420:I420"/>
    <mergeCell ref="C421:I421"/>
    <mergeCell ref="C422:I422"/>
    <mergeCell ref="C423:I423"/>
    <mergeCell ref="C424:I424"/>
    <mergeCell ref="C425:I425"/>
    <mergeCell ref="C401:I401"/>
    <mergeCell ref="C383:I383"/>
    <mergeCell ref="C384:I384"/>
    <mergeCell ref="C385:I385"/>
    <mergeCell ref="C386:I386"/>
    <mergeCell ref="C387:I387"/>
    <mergeCell ref="C388:I388"/>
    <mergeCell ref="C389:I389"/>
    <mergeCell ref="C398:I398"/>
    <mergeCell ref="B381:I381"/>
    <mergeCell ref="B382:I382"/>
    <mergeCell ref="C326:I326"/>
    <mergeCell ref="C327:I327"/>
    <mergeCell ref="C328:I328"/>
    <mergeCell ref="C329:I329"/>
    <mergeCell ref="C366:I366"/>
    <mergeCell ref="C367:I367"/>
    <mergeCell ref="C368:I368"/>
    <mergeCell ref="C369:I369"/>
    <mergeCell ref="C370:I370"/>
    <mergeCell ref="B357:I357"/>
    <mergeCell ref="C358:I358"/>
    <mergeCell ref="C359:I359"/>
    <mergeCell ref="C360:I360"/>
    <mergeCell ref="C361:I361"/>
    <mergeCell ref="C362:I362"/>
    <mergeCell ref="C363:I363"/>
    <mergeCell ref="C364:I364"/>
    <mergeCell ref="C365:I365"/>
    <mergeCell ref="C330:I330"/>
    <mergeCell ref="C337:H337"/>
    <mergeCell ref="B356:I356"/>
    <mergeCell ref="C349:I349"/>
    <mergeCell ref="C279:I279"/>
    <mergeCell ref="C280:I280"/>
    <mergeCell ref="C281:I281"/>
    <mergeCell ref="C320:I320"/>
    <mergeCell ref="C321:I321"/>
    <mergeCell ref="C322:I322"/>
    <mergeCell ref="C323:I323"/>
    <mergeCell ref="C324:I324"/>
    <mergeCell ref="C291:I291"/>
    <mergeCell ref="C292:I292"/>
    <mergeCell ref="C293:I293"/>
    <mergeCell ref="C294:I294"/>
    <mergeCell ref="C295:I295"/>
    <mergeCell ref="B313:I313"/>
    <mergeCell ref="C317:I317"/>
    <mergeCell ref="C318:I318"/>
    <mergeCell ref="C319:I319"/>
    <mergeCell ref="B264:I264"/>
    <mergeCell ref="B265:I265"/>
    <mergeCell ref="C266:I266"/>
    <mergeCell ref="C267:I267"/>
    <mergeCell ref="C268:I268"/>
    <mergeCell ref="C269:I269"/>
    <mergeCell ref="B272:I272"/>
    <mergeCell ref="C273:I273"/>
    <mergeCell ref="B211:I211"/>
    <mergeCell ref="C212:I212"/>
    <mergeCell ref="C213:I213"/>
    <mergeCell ref="C214:I214"/>
    <mergeCell ref="C215:I215"/>
    <mergeCell ref="C251:I251"/>
    <mergeCell ref="C262:I262"/>
    <mergeCell ref="C221:I221"/>
    <mergeCell ref="C234:I234"/>
    <mergeCell ref="C233:I233"/>
    <mergeCell ref="C232:I232"/>
    <mergeCell ref="C259:I259"/>
    <mergeCell ref="C260:I260"/>
    <mergeCell ref="C252:I252"/>
    <mergeCell ref="C253:I253"/>
    <mergeCell ref="C224:I224"/>
    <mergeCell ref="C277:I277"/>
    <mergeCell ref="C278:I278"/>
    <mergeCell ref="C274:I274"/>
    <mergeCell ref="C275:I275"/>
    <mergeCell ref="C276:I276"/>
    <mergeCell ref="B314:I314"/>
    <mergeCell ref="C315:I315"/>
    <mergeCell ref="C316:I316"/>
    <mergeCell ref="B121:I121"/>
    <mergeCell ref="C206:I206"/>
    <mergeCell ref="C207:I207"/>
    <mergeCell ref="C208:I208"/>
    <mergeCell ref="B229:I229"/>
    <mergeCell ref="B230:I230"/>
    <mergeCell ref="C231:I231"/>
    <mergeCell ref="C122:I122"/>
    <mergeCell ref="C238:I238"/>
    <mergeCell ref="C191:I191"/>
    <mergeCell ref="C236:I236"/>
    <mergeCell ref="C237:I237"/>
    <mergeCell ref="B210:I210"/>
    <mergeCell ref="C239:I239"/>
    <mergeCell ref="C235:I235"/>
    <mergeCell ref="C219:I219"/>
    <mergeCell ref="B120:I120"/>
    <mergeCell ref="B126:H126"/>
    <mergeCell ref="B200:I200"/>
    <mergeCell ref="B201:I201"/>
    <mergeCell ref="C202:I202"/>
    <mergeCell ref="C203:I203"/>
    <mergeCell ref="C143:I143"/>
    <mergeCell ref="C124:I124"/>
    <mergeCell ref="B152:I152"/>
    <mergeCell ref="B153:I153"/>
    <mergeCell ref="C154:I154"/>
    <mergeCell ref="B182:I182"/>
    <mergeCell ref="B183:I183"/>
    <mergeCell ref="C184:I184"/>
    <mergeCell ref="C185:I185"/>
    <mergeCell ref="C186:I186"/>
    <mergeCell ref="C187:I187"/>
    <mergeCell ref="C155:I155"/>
    <mergeCell ref="C188:I188"/>
    <mergeCell ref="C189:I189"/>
    <mergeCell ref="C190:I190"/>
    <mergeCell ref="C149:I149"/>
    <mergeCell ref="C150:I150"/>
    <mergeCell ref="C123:I123"/>
    <mergeCell ref="B115:I115"/>
    <mergeCell ref="C296:I296"/>
    <mergeCell ref="C297:I297"/>
    <mergeCell ref="C298:I298"/>
    <mergeCell ref="C299:I299"/>
    <mergeCell ref="C300:I300"/>
    <mergeCell ref="C289:I289"/>
    <mergeCell ref="C290:I290"/>
    <mergeCell ref="C282:I282"/>
    <mergeCell ref="C283:I283"/>
    <mergeCell ref="C284:I284"/>
    <mergeCell ref="C285:I285"/>
    <mergeCell ref="B271:I271"/>
    <mergeCell ref="C246:I246"/>
    <mergeCell ref="C247:I247"/>
    <mergeCell ref="C118:I118"/>
    <mergeCell ref="C286:I286"/>
    <mergeCell ref="C287:I287"/>
    <mergeCell ref="C288:I288"/>
    <mergeCell ref="B256:I256"/>
    <mergeCell ref="B257:I257"/>
    <mergeCell ref="C225:I225"/>
    <mergeCell ref="C226:I226"/>
    <mergeCell ref="C192:I192"/>
    <mergeCell ref="C258:I258"/>
    <mergeCell ref="B145:I145"/>
    <mergeCell ref="B146:I146"/>
    <mergeCell ref="C180:I180"/>
    <mergeCell ref="C117:I117"/>
    <mergeCell ref="B116:I116"/>
    <mergeCell ref="C325:I325"/>
    <mergeCell ref="C331:I331"/>
    <mergeCell ref="C332:I332"/>
    <mergeCell ref="C311:I311"/>
    <mergeCell ref="C306:I306"/>
    <mergeCell ref="C307:I307"/>
    <mergeCell ref="C308:I308"/>
    <mergeCell ref="C309:I309"/>
    <mergeCell ref="C310:I310"/>
    <mergeCell ref="C301:I301"/>
    <mergeCell ref="C302:I302"/>
    <mergeCell ref="C303:I303"/>
    <mergeCell ref="C304:I304"/>
    <mergeCell ref="C305:I305"/>
    <mergeCell ref="C261:I261"/>
    <mergeCell ref="C204:I204"/>
    <mergeCell ref="C218:I218"/>
    <mergeCell ref="C147:I147"/>
    <mergeCell ref="C148:I148"/>
    <mergeCell ref="C222:I222"/>
    <mergeCell ref="C223:I223"/>
    <mergeCell ref="C254:I254"/>
    <mergeCell ref="B241:I241"/>
    <mergeCell ref="B242:I242"/>
    <mergeCell ref="C243:I243"/>
    <mergeCell ref="C244:I244"/>
    <mergeCell ref="C245:I245"/>
    <mergeCell ref="C248:I248"/>
    <mergeCell ref="C249:I249"/>
    <mergeCell ref="C250:I250"/>
    <mergeCell ref="C227:I227"/>
    <mergeCell ref="C220:I220"/>
    <mergeCell ref="C205:I205"/>
    <mergeCell ref="C193:I193"/>
    <mergeCell ref="C194:I194"/>
    <mergeCell ref="C195:I195"/>
    <mergeCell ref="C196:I196"/>
    <mergeCell ref="C197:I197"/>
    <mergeCell ref="C198:I198"/>
    <mergeCell ref="C216:I216"/>
    <mergeCell ref="C217:I217"/>
    <mergeCell ref="B157:I157"/>
    <mergeCell ref="C340:I340"/>
    <mergeCell ref="C341:I341"/>
    <mergeCell ref="C342:I342"/>
    <mergeCell ref="B351:I351"/>
    <mergeCell ref="C333:I333"/>
    <mergeCell ref="C343:I343"/>
    <mergeCell ref="B345:I345"/>
    <mergeCell ref="B346:I346"/>
    <mergeCell ref="C347:I347"/>
    <mergeCell ref="C348:I348"/>
    <mergeCell ref="C338:I338"/>
    <mergeCell ref="C339:I339"/>
    <mergeCell ref="B352:I352"/>
    <mergeCell ref="C353:I353"/>
    <mergeCell ref="C354:I354"/>
    <mergeCell ref="B453:I453"/>
    <mergeCell ref="B454:I454"/>
    <mergeCell ref="C455:I455"/>
    <mergeCell ref="C456:I456"/>
    <mergeCell ref="C457:I457"/>
    <mergeCell ref="C378:I378"/>
    <mergeCell ref="C379:I379"/>
    <mergeCell ref="C372:I372"/>
    <mergeCell ref="C373:I373"/>
    <mergeCell ref="C374:I374"/>
    <mergeCell ref="C375:I375"/>
    <mergeCell ref="C376:I376"/>
    <mergeCell ref="C377:I377"/>
    <mergeCell ref="C390:I390"/>
    <mergeCell ref="C391:I391"/>
    <mergeCell ref="C392:I392"/>
    <mergeCell ref="C393:I393"/>
    <mergeCell ref="C394:I394"/>
    <mergeCell ref="C395:I395"/>
    <mergeCell ref="C396:I396"/>
    <mergeCell ref="C397:I397"/>
    <mergeCell ref="C521:I521"/>
    <mergeCell ref="C522:I522"/>
    <mergeCell ref="B519:I519"/>
    <mergeCell ref="B520:I520"/>
    <mergeCell ref="C523:I523"/>
    <mergeCell ref="C524:I524"/>
    <mergeCell ref="C525:I525"/>
    <mergeCell ref="C526:I526"/>
    <mergeCell ref="C527:I527"/>
    <mergeCell ref="B558:I558"/>
    <mergeCell ref="B559:I559"/>
    <mergeCell ref="C560:I560"/>
    <mergeCell ref="C561:I561"/>
    <mergeCell ref="C562:I562"/>
    <mergeCell ref="B531:I531"/>
    <mergeCell ref="B532:I532"/>
    <mergeCell ref="C533:I533"/>
    <mergeCell ref="C528:I528"/>
    <mergeCell ref="C529:I529"/>
    <mergeCell ref="C534:I534"/>
    <mergeCell ref="C539:I539"/>
    <mergeCell ref="C540:I540"/>
    <mergeCell ref="C541:I541"/>
    <mergeCell ref="C542:I542"/>
    <mergeCell ref="C543:I543"/>
    <mergeCell ref="C544:I544"/>
    <mergeCell ref="C535:I535"/>
    <mergeCell ref="C536:I536"/>
    <mergeCell ref="C537:I537"/>
    <mergeCell ref="C538:I538"/>
    <mergeCell ref="C549:I549"/>
    <mergeCell ref="C550:I550"/>
    <mergeCell ref="C551:I551"/>
    <mergeCell ref="C511:I511"/>
    <mergeCell ref="C512:I512"/>
    <mergeCell ref="C513:I513"/>
    <mergeCell ref="C514:I514"/>
    <mergeCell ref="C515:I515"/>
    <mergeCell ref="C493:I493"/>
    <mergeCell ref="C494:I494"/>
    <mergeCell ref="C495:I495"/>
    <mergeCell ref="C496:I496"/>
    <mergeCell ref="C497:I497"/>
    <mergeCell ref="C507:I507"/>
    <mergeCell ref="C508:I508"/>
    <mergeCell ref="C509:I509"/>
    <mergeCell ref="C510:I510"/>
    <mergeCell ref="C505:I505"/>
    <mergeCell ref="C506:I506"/>
  </mergeCells>
  <pageMargins left="0.7" right="0.7" top="0.75" bottom="0.75" header="0.3" footer="0.3"/>
  <pageSetup paperSize="9" scale="63" fitToHeight="0" orientation="portrait"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B1:M1259"/>
  <sheetViews>
    <sheetView topLeftCell="A1236" workbookViewId="0">
      <selection activeCell="C1259" sqref="C1259"/>
    </sheetView>
  </sheetViews>
  <sheetFormatPr defaultColWidth="9.140625" defaultRowHeight="15" x14ac:dyDescent="0.25"/>
  <cols>
    <col min="1" max="1" width="7.140625" style="88" customWidth="1"/>
    <col min="2" max="2" width="9.140625" style="88"/>
    <col min="3" max="3" width="65" style="88" customWidth="1"/>
    <col min="4" max="5" width="9.140625" style="88"/>
    <col min="6" max="6" width="67.42578125" style="88" customWidth="1"/>
    <col min="7" max="16384" width="9.140625" style="88"/>
  </cols>
  <sheetData>
    <row r="1" spans="2:3" ht="15.75" thickBot="1" x14ac:dyDescent="0.3"/>
    <row r="2" spans="2:3" ht="15.75" thickBot="1" x14ac:dyDescent="0.3">
      <c r="B2" s="387" t="s">
        <v>1526</v>
      </c>
      <c r="C2" s="388"/>
    </row>
    <row r="3" spans="2:3" ht="15.75" thickBot="1" x14ac:dyDescent="0.3">
      <c r="B3" s="400" t="s">
        <v>1527</v>
      </c>
      <c r="C3" s="392"/>
    </row>
    <row r="4" spans="2:3" ht="15" customHeight="1" x14ac:dyDescent="0.25">
      <c r="B4" s="89"/>
      <c r="C4" s="84" t="s">
        <v>1528</v>
      </c>
    </row>
    <row r="5" spans="2:3" x14ac:dyDescent="0.25">
      <c r="B5" s="90"/>
      <c r="C5" s="85" t="s">
        <v>1529</v>
      </c>
    </row>
    <row r="6" spans="2:3" ht="15" customHeight="1" x14ac:dyDescent="0.25">
      <c r="B6" s="90"/>
      <c r="C6" s="85" t="s">
        <v>1530</v>
      </c>
    </row>
    <row r="7" spans="2:3" ht="15" customHeight="1" x14ac:dyDescent="0.25">
      <c r="B7" s="90"/>
      <c r="C7" s="85" t="s">
        <v>1531</v>
      </c>
    </row>
    <row r="8" spans="2:3" ht="15" customHeight="1" x14ac:dyDescent="0.25">
      <c r="B8" s="90"/>
      <c r="C8" s="85" t="s">
        <v>1532</v>
      </c>
    </row>
    <row r="9" spans="2:3" ht="15" customHeight="1" x14ac:dyDescent="0.25">
      <c r="B9" s="90"/>
      <c r="C9" s="85" t="s">
        <v>1533</v>
      </c>
    </row>
    <row r="10" spans="2:3" ht="15.75" customHeight="1" thickBot="1" x14ac:dyDescent="0.3">
      <c r="B10" s="91"/>
      <c r="C10" s="86" t="s">
        <v>1534</v>
      </c>
    </row>
    <row r="11" spans="2:3" ht="15.75" thickBot="1" x14ac:dyDescent="0.3"/>
    <row r="12" spans="2:3" ht="15.75" thickBot="1" x14ac:dyDescent="0.3">
      <c r="B12" s="387" t="s">
        <v>1657</v>
      </c>
      <c r="C12" s="388"/>
    </row>
    <row r="13" spans="2:3" ht="15.75" thickBot="1" x14ac:dyDescent="0.3">
      <c r="B13" s="391" t="s">
        <v>1658</v>
      </c>
      <c r="C13" s="392"/>
    </row>
    <row r="14" spans="2:3" x14ac:dyDescent="0.25">
      <c r="B14" s="89"/>
      <c r="C14" s="92" t="s">
        <v>1654</v>
      </c>
    </row>
    <row r="15" spans="2:3" x14ac:dyDescent="0.25">
      <c r="B15" s="90"/>
      <c r="C15" s="93" t="s">
        <v>1655</v>
      </c>
    </row>
    <row r="16" spans="2:3" ht="15.75" thickBot="1" x14ac:dyDescent="0.3">
      <c r="B16" s="91"/>
      <c r="C16" s="94" t="s">
        <v>1656</v>
      </c>
    </row>
    <row r="17" spans="2:3" ht="15.75" thickBot="1" x14ac:dyDescent="0.3">
      <c r="C17" s="95"/>
    </row>
    <row r="18" spans="2:3" ht="15.75" thickBot="1" x14ac:dyDescent="0.3">
      <c r="B18" s="387" t="s">
        <v>1674</v>
      </c>
      <c r="C18" s="388"/>
    </row>
    <row r="19" spans="2:3" ht="15.75" thickBot="1" x14ac:dyDescent="0.3">
      <c r="B19" s="387" t="s">
        <v>1673</v>
      </c>
      <c r="C19" s="388"/>
    </row>
    <row r="20" spans="2:3" x14ac:dyDescent="0.25">
      <c r="B20" s="96"/>
      <c r="C20" s="92" t="s">
        <v>1672</v>
      </c>
    </row>
    <row r="21" spans="2:3" x14ac:dyDescent="0.25">
      <c r="B21" s="97"/>
      <c r="C21" s="93" t="s">
        <v>1671</v>
      </c>
    </row>
    <row r="22" spans="2:3" x14ac:dyDescent="0.25">
      <c r="B22" s="97"/>
      <c r="C22" s="93" t="s">
        <v>1670</v>
      </c>
    </row>
    <row r="23" spans="2:3" x14ac:dyDescent="0.25">
      <c r="B23" s="97"/>
      <c r="C23" s="93" t="s">
        <v>1669</v>
      </c>
    </row>
    <row r="24" spans="2:3" x14ac:dyDescent="0.25">
      <c r="B24" s="97"/>
      <c r="C24" s="93" t="s">
        <v>1668</v>
      </c>
    </row>
    <row r="25" spans="2:3" x14ac:dyDescent="0.25">
      <c r="B25" s="97"/>
      <c r="C25" s="93" t="s">
        <v>1667</v>
      </c>
    </row>
    <row r="26" spans="2:3" x14ac:dyDescent="0.25">
      <c r="B26" s="97"/>
      <c r="C26" s="93" t="s">
        <v>1666</v>
      </c>
    </row>
    <row r="27" spans="2:3" x14ac:dyDescent="0.25">
      <c r="B27" s="97"/>
      <c r="C27" s="93" t="s">
        <v>1665</v>
      </c>
    </row>
    <row r="28" spans="2:3" ht="15.75" thickBot="1" x14ac:dyDescent="0.3">
      <c r="B28" s="98"/>
      <c r="C28" s="94" t="s">
        <v>1664</v>
      </c>
    </row>
    <row r="29" spans="2:3" ht="15.75" thickBot="1" x14ac:dyDescent="0.3">
      <c r="C29" s="95"/>
    </row>
    <row r="30" spans="2:3" ht="15.75" thickBot="1" x14ac:dyDescent="0.3">
      <c r="B30" s="387" t="s">
        <v>1506</v>
      </c>
      <c r="C30" s="388"/>
    </row>
    <row r="31" spans="2:3" ht="21" customHeight="1" thickBot="1" x14ac:dyDescent="0.3">
      <c r="B31" s="99" t="s">
        <v>1507</v>
      </c>
      <c r="C31" s="100"/>
    </row>
    <row r="32" spans="2:3" x14ac:dyDescent="0.25">
      <c r="B32" s="101"/>
      <c r="C32" s="92" t="s">
        <v>1508</v>
      </c>
    </row>
    <row r="33" spans="2:3" x14ac:dyDescent="0.25">
      <c r="B33" s="101"/>
      <c r="C33" s="93" t="s">
        <v>1509</v>
      </c>
    </row>
    <row r="34" spans="2:3" x14ac:dyDescent="0.25">
      <c r="B34" s="101"/>
      <c r="C34" s="93" t="s">
        <v>1510</v>
      </c>
    </row>
    <row r="35" spans="2:3" x14ac:dyDescent="0.25">
      <c r="B35" s="101"/>
      <c r="C35" s="93" t="s">
        <v>1511</v>
      </c>
    </row>
    <row r="36" spans="2:3" x14ac:dyDescent="0.25">
      <c r="B36" s="101"/>
      <c r="C36" s="93" t="s">
        <v>1512</v>
      </c>
    </row>
    <row r="37" spans="2:3" x14ac:dyDescent="0.25">
      <c r="B37" s="101"/>
      <c r="C37" s="93" t="s">
        <v>1513</v>
      </c>
    </row>
    <row r="38" spans="2:3" x14ac:dyDescent="0.25">
      <c r="B38" s="101"/>
      <c r="C38" s="93" t="s">
        <v>1514</v>
      </c>
    </row>
    <row r="39" spans="2:3" x14ac:dyDescent="0.25">
      <c r="B39" s="101"/>
      <c r="C39" s="93" t="s">
        <v>1515</v>
      </c>
    </row>
    <row r="40" spans="2:3" x14ac:dyDescent="0.25">
      <c r="B40" s="101"/>
      <c r="C40" s="93" t="s">
        <v>1516</v>
      </c>
    </row>
    <row r="41" spans="2:3" x14ac:dyDescent="0.25">
      <c r="B41" s="101"/>
      <c r="C41" s="93" t="s">
        <v>1517</v>
      </c>
    </row>
    <row r="42" spans="2:3" x14ac:dyDescent="0.25">
      <c r="B42" s="101"/>
      <c r="C42" s="93" t="s">
        <v>1518</v>
      </c>
    </row>
    <row r="43" spans="2:3" ht="15.75" thickBot="1" x14ac:dyDescent="0.3">
      <c r="B43" s="102"/>
      <c r="C43" s="94" t="s">
        <v>1518</v>
      </c>
    </row>
    <row r="44" spans="2:3" ht="15.75" thickBot="1" x14ac:dyDescent="0.3"/>
    <row r="45" spans="2:3" ht="15.75" thickBot="1" x14ac:dyDescent="0.3">
      <c r="B45" s="387" t="s">
        <v>1506</v>
      </c>
      <c r="C45" s="388"/>
    </row>
    <row r="46" spans="2:3" ht="15.75" thickBot="1" x14ac:dyDescent="0.3">
      <c r="B46" s="400" t="s">
        <v>1524</v>
      </c>
      <c r="C46" s="392"/>
    </row>
    <row r="47" spans="2:3" x14ac:dyDescent="0.25">
      <c r="B47" s="89"/>
      <c r="C47" s="92" t="s">
        <v>1509</v>
      </c>
    </row>
    <row r="48" spans="2:3" x14ac:dyDescent="0.25">
      <c r="B48" s="90"/>
      <c r="C48" s="93" t="s">
        <v>1512</v>
      </c>
    </row>
    <row r="49" spans="2:13" x14ac:dyDescent="0.25">
      <c r="B49" s="90"/>
      <c r="C49" s="93" t="s">
        <v>1513</v>
      </c>
    </row>
    <row r="50" spans="2:13" x14ac:dyDescent="0.25">
      <c r="B50" s="90"/>
      <c r="C50" s="93" t="s">
        <v>1514</v>
      </c>
    </row>
    <row r="51" spans="2:13" x14ac:dyDescent="0.25">
      <c r="B51" s="90"/>
      <c r="C51" s="93" t="s">
        <v>1515</v>
      </c>
    </row>
    <row r="52" spans="2:13" x14ac:dyDescent="0.25">
      <c r="B52" s="90"/>
      <c r="C52" s="93" t="s">
        <v>1516</v>
      </c>
    </row>
    <row r="53" spans="2:13" x14ac:dyDescent="0.25">
      <c r="B53" s="90"/>
      <c r="C53" s="93" t="s">
        <v>1519</v>
      </c>
    </row>
    <row r="54" spans="2:13" x14ac:dyDescent="0.25">
      <c r="B54" s="90"/>
      <c r="C54" s="93" t="s">
        <v>1520</v>
      </c>
    </row>
    <row r="55" spans="2:13" ht="15.75" thickBot="1" x14ac:dyDescent="0.3">
      <c r="B55" s="91"/>
      <c r="C55" s="94" t="s">
        <v>1518</v>
      </c>
    </row>
    <row r="56" spans="2:13" ht="15.75" thickBot="1" x14ac:dyDescent="0.3"/>
    <row r="57" spans="2:13" ht="15.75" thickBot="1" x14ac:dyDescent="0.3">
      <c r="B57" s="387" t="s">
        <v>1506</v>
      </c>
      <c r="C57" s="388"/>
    </row>
    <row r="58" spans="2:13" ht="15.75" thickBot="1" x14ac:dyDescent="0.3">
      <c r="B58" s="400" t="s">
        <v>1525</v>
      </c>
      <c r="C58" s="392"/>
    </row>
    <row r="59" spans="2:13" ht="16.5" customHeight="1" x14ac:dyDescent="0.25">
      <c r="B59" s="89"/>
      <c r="C59" s="84" t="s">
        <v>1509</v>
      </c>
    </row>
    <row r="60" spans="2:13" ht="16.5" customHeight="1" x14ac:dyDescent="0.25">
      <c r="B60" s="90"/>
      <c r="C60" s="85" t="s">
        <v>1511</v>
      </c>
    </row>
    <row r="61" spans="2:13" ht="16.5" customHeight="1" x14ac:dyDescent="0.25">
      <c r="B61" s="90"/>
      <c r="C61" s="85" t="s">
        <v>1512</v>
      </c>
    </row>
    <row r="62" spans="2:13" ht="16.5" customHeight="1" x14ac:dyDescent="0.25">
      <c r="B62" s="90"/>
      <c r="C62" s="85" t="s">
        <v>1514</v>
      </c>
    </row>
    <row r="63" spans="2:13" ht="16.5" customHeight="1" x14ac:dyDescent="0.25">
      <c r="B63" s="90"/>
      <c r="C63" s="85" t="s">
        <v>1515</v>
      </c>
      <c r="G63" s="82"/>
      <c r="H63" s="82"/>
      <c r="I63" s="82"/>
      <c r="J63" s="82"/>
      <c r="K63" s="82"/>
      <c r="L63" s="82"/>
      <c r="M63" s="82"/>
    </row>
    <row r="64" spans="2:13" ht="16.5" customHeight="1" x14ac:dyDescent="0.25">
      <c r="B64" s="90"/>
      <c r="C64" s="85" t="s">
        <v>1521</v>
      </c>
    </row>
    <row r="65" spans="2:6" ht="16.5" customHeight="1" x14ac:dyDescent="0.25">
      <c r="B65" s="90"/>
      <c r="C65" s="85" t="s">
        <v>1522</v>
      </c>
    </row>
    <row r="66" spans="2:6" ht="16.5" customHeight="1" thickBot="1" x14ac:dyDescent="0.3">
      <c r="B66" s="91"/>
      <c r="C66" s="86" t="s">
        <v>1523</v>
      </c>
    </row>
    <row r="67" spans="2:6" ht="16.5" customHeight="1" thickBot="1" x14ac:dyDescent="0.3">
      <c r="C67" s="83"/>
    </row>
    <row r="68" spans="2:6" ht="15.75" thickBot="1" x14ac:dyDescent="0.3">
      <c r="B68" s="401" t="s">
        <v>1560</v>
      </c>
      <c r="C68" s="407"/>
    </row>
    <row r="69" spans="2:6" ht="15.75" customHeight="1" thickBot="1" x14ac:dyDescent="0.3">
      <c r="B69" s="408" t="s">
        <v>1561</v>
      </c>
      <c r="C69" s="403"/>
    </row>
    <row r="70" spans="2:6" s="95" customFormat="1" ht="16.5" customHeight="1" x14ac:dyDescent="0.25">
      <c r="B70" s="404"/>
      <c r="C70" s="84" t="s">
        <v>1571</v>
      </c>
    </row>
    <row r="71" spans="2:6" s="95" customFormat="1" ht="16.5" customHeight="1" x14ac:dyDescent="0.25">
      <c r="B71" s="405"/>
      <c r="C71" s="85" t="s">
        <v>1572</v>
      </c>
      <c r="F71" s="83"/>
    </row>
    <row r="72" spans="2:6" s="95" customFormat="1" ht="16.5" customHeight="1" x14ac:dyDescent="0.25">
      <c r="B72" s="405"/>
      <c r="C72" s="85" t="s">
        <v>1573</v>
      </c>
      <c r="F72" s="83"/>
    </row>
    <row r="73" spans="2:6" s="95" customFormat="1" ht="16.5" customHeight="1" x14ac:dyDescent="0.25">
      <c r="B73" s="405"/>
      <c r="C73" s="85" t="s">
        <v>1562</v>
      </c>
      <c r="F73" s="83"/>
    </row>
    <row r="74" spans="2:6" s="95" customFormat="1" ht="16.5" customHeight="1" x14ac:dyDescent="0.25">
      <c r="B74" s="405"/>
      <c r="C74" s="85" t="s">
        <v>1574</v>
      </c>
      <c r="F74" s="83"/>
    </row>
    <row r="75" spans="2:6" s="95" customFormat="1" ht="16.5" customHeight="1" x14ac:dyDescent="0.25">
      <c r="B75" s="405"/>
      <c r="C75" s="85" t="s">
        <v>1575</v>
      </c>
      <c r="F75" s="83"/>
    </row>
    <row r="76" spans="2:6" s="95" customFormat="1" ht="16.5" customHeight="1" x14ac:dyDescent="0.25">
      <c r="B76" s="405"/>
      <c r="C76" s="85" t="s">
        <v>1576</v>
      </c>
      <c r="F76" s="83"/>
    </row>
    <row r="77" spans="2:6" s="95" customFormat="1" ht="16.5" customHeight="1" x14ac:dyDescent="0.25">
      <c r="B77" s="405"/>
      <c r="C77" s="85" t="s">
        <v>1577</v>
      </c>
      <c r="F77" s="83"/>
    </row>
    <row r="78" spans="2:6" s="95" customFormat="1" ht="16.5" customHeight="1" x14ac:dyDescent="0.25">
      <c r="B78" s="405"/>
      <c r="C78" s="85" t="s">
        <v>1578</v>
      </c>
      <c r="F78" s="83"/>
    </row>
    <row r="79" spans="2:6" s="95" customFormat="1" ht="16.5" customHeight="1" x14ac:dyDescent="0.25">
      <c r="B79" s="405"/>
      <c r="C79" s="85" t="s">
        <v>1563</v>
      </c>
      <c r="F79" s="83"/>
    </row>
    <row r="80" spans="2:6" s="95" customFormat="1" ht="16.5" customHeight="1" x14ac:dyDescent="0.25">
      <c r="B80" s="405"/>
      <c r="C80" s="85" t="s">
        <v>1579</v>
      </c>
      <c r="F80" s="83"/>
    </row>
    <row r="81" spans="2:6" s="95" customFormat="1" ht="16.5" customHeight="1" x14ac:dyDescent="0.25">
      <c r="B81" s="405"/>
      <c r="C81" s="85" t="s">
        <v>1580</v>
      </c>
      <c r="F81" s="83"/>
    </row>
    <row r="82" spans="2:6" s="95" customFormat="1" ht="16.5" customHeight="1" x14ac:dyDescent="0.25">
      <c r="B82" s="405"/>
      <c r="C82" s="85" t="s">
        <v>1581</v>
      </c>
      <c r="F82" s="103"/>
    </row>
    <row r="83" spans="2:6" s="95" customFormat="1" ht="16.5" customHeight="1" x14ac:dyDescent="0.25">
      <c r="B83" s="405"/>
      <c r="C83" s="85" t="s">
        <v>1582</v>
      </c>
      <c r="F83" s="83"/>
    </row>
    <row r="84" spans="2:6" s="95" customFormat="1" ht="16.5" customHeight="1" x14ac:dyDescent="0.25">
      <c r="B84" s="405"/>
      <c r="C84" s="85" t="s">
        <v>1583</v>
      </c>
      <c r="F84" s="83"/>
    </row>
    <row r="85" spans="2:6" s="95" customFormat="1" ht="16.5" customHeight="1" x14ac:dyDescent="0.25">
      <c r="B85" s="405"/>
      <c r="C85" s="85" t="s">
        <v>1584</v>
      </c>
      <c r="F85" s="83"/>
    </row>
    <row r="86" spans="2:6" s="95" customFormat="1" ht="16.5" customHeight="1" x14ac:dyDescent="0.25">
      <c r="B86" s="405"/>
      <c r="C86" s="85" t="s">
        <v>1585</v>
      </c>
      <c r="F86" s="83"/>
    </row>
    <row r="87" spans="2:6" s="95" customFormat="1" ht="16.5" customHeight="1" x14ac:dyDescent="0.25">
      <c r="B87" s="405"/>
      <c r="C87" s="85" t="s">
        <v>1587</v>
      </c>
      <c r="F87" s="83"/>
    </row>
    <row r="88" spans="2:6" s="95" customFormat="1" ht="16.5" customHeight="1" x14ac:dyDescent="0.25">
      <c r="B88" s="405"/>
      <c r="C88" s="85" t="s">
        <v>1586</v>
      </c>
      <c r="F88" s="83"/>
    </row>
    <row r="89" spans="2:6" s="95" customFormat="1" ht="16.5" customHeight="1" x14ac:dyDescent="0.25">
      <c r="B89" s="405"/>
      <c r="C89" s="85" t="s">
        <v>1588</v>
      </c>
      <c r="F89" s="83"/>
    </row>
    <row r="90" spans="2:6" s="95" customFormat="1" ht="16.5" customHeight="1" x14ac:dyDescent="0.25">
      <c r="B90" s="405"/>
      <c r="C90" s="85" t="s">
        <v>1589</v>
      </c>
      <c r="F90" s="83"/>
    </row>
    <row r="91" spans="2:6" s="95" customFormat="1" ht="32.25" customHeight="1" x14ac:dyDescent="0.25">
      <c r="B91" s="405"/>
      <c r="C91" s="85" t="s">
        <v>1590</v>
      </c>
      <c r="F91" s="83"/>
    </row>
    <row r="92" spans="2:6" s="95" customFormat="1" ht="16.5" customHeight="1" x14ac:dyDescent="0.25">
      <c r="B92" s="405"/>
      <c r="C92" s="85" t="s">
        <v>1591</v>
      </c>
      <c r="F92" s="83"/>
    </row>
    <row r="93" spans="2:6" s="95" customFormat="1" ht="16.5" customHeight="1" x14ac:dyDescent="0.25">
      <c r="B93" s="405"/>
      <c r="C93" s="85" t="s">
        <v>1592</v>
      </c>
      <c r="F93" s="83"/>
    </row>
    <row r="94" spans="2:6" s="95" customFormat="1" ht="16.5" customHeight="1" x14ac:dyDescent="0.25">
      <c r="B94" s="405"/>
      <c r="C94" s="85" t="s">
        <v>1593</v>
      </c>
      <c r="F94" s="83"/>
    </row>
    <row r="95" spans="2:6" s="95" customFormat="1" ht="16.5" customHeight="1" x14ac:dyDescent="0.25">
      <c r="B95" s="405"/>
      <c r="C95" s="85" t="s">
        <v>1594</v>
      </c>
      <c r="F95" s="83"/>
    </row>
    <row r="96" spans="2:6" s="95" customFormat="1" ht="16.5" customHeight="1" x14ac:dyDescent="0.25">
      <c r="B96" s="405"/>
      <c r="C96" s="85" t="s">
        <v>1595</v>
      </c>
      <c r="F96" s="83"/>
    </row>
    <row r="97" spans="2:6" s="95" customFormat="1" ht="16.5" customHeight="1" x14ac:dyDescent="0.25">
      <c r="B97" s="405"/>
      <c r="C97" s="85" t="s">
        <v>1596</v>
      </c>
      <c r="F97" s="83"/>
    </row>
    <row r="98" spans="2:6" s="95" customFormat="1" ht="16.5" customHeight="1" x14ac:dyDescent="0.25">
      <c r="B98" s="405"/>
      <c r="C98" s="85" t="s">
        <v>1597</v>
      </c>
      <c r="F98" s="83"/>
    </row>
    <row r="99" spans="2:6" s="95" customFormat="1" ht="16.5" customHeight="1" x14ac:dyDescent="0.25">
      <c r="B99" s="405"/>
      <c r="C99" s="85" t="s">
        <v>1598</v>
      </c>
      <c r="F99" s="83"/>
    </row>
    <row r="100" spans="2:6" s="95" customFormat="1" ht="16.5" customHeight="1" x14ac:dyDescent="0.25">
      <c r="B100" s="405"/>
      <c r="C100" s="85" t="s">
        <v>1599</v>
      </c>
      <c r="F100" s="83"/>
    </row>
    <row r="101" spans="2:6" s="95" customFormat="1" ht="16.5" customHeight="1" x14ac:dyDescent="0.25">
      <c r="B101" s="405"/>
      <c r="C101" s="85" t="s">
        <v>1600</v>
      </c>
      <c r="F101" s="83"/>
    </row>
    <row r="102" spans="2:6" s="95" customFormat="1" ht="16.5" customHeight="1" x14ac:dyDescent="0.25">
      <c r="B102" s="405"/>
      <c r="C102" s="85" t="s">
        <v>1601</v>
      </c>
      <c r="F102" s="83"/>
    </row>
    <row r="103" spans="2:6" s="95" customFormat="1" ht="16.5" customHeight="1" x14ac:dyDescent="0.25">
      <c r="B103" s="405"/>
      <c r="C103" s="85" t="s">
        <v>1602</v>
      </c>
      <c r="F103" s="83"/>
    </row>
    <row r="104" spans="2:6" s="95" customFormat="1" ht="16.5" customHeight="1" x14ac:dyDescent="0.25">
      <c r="B104" s="405"/>
      <c r="C104" s="85" t="s">
        <v>1603</v>
      </c>
      <c r="F104" s="83"/>
    </row>
    <row r="105" spans="2:6" s="95" customFormat="1" ht="16.5" customHeight="1" x14ac:dyDescent="0.25">
      <c r="B105" s="405"/>
      <c r="C105" s="85" t="s">
        <v>1564</v>
      </c>
      <c r="F105" s="83"/>
    </row>
    <row r="106" spans="2:6" s="95" customFormat="1" ht="16.5" customHeight="1" x14ac:dyDescent="0.25">
      <c r="B106" s="405"/>
      <c r="C106" s="85" t="s">
        <v>1604</v>
      </c>
      <c r="F106" s="83"/>
    </row>
    <row r="107" spans="2:6" s="95" customFormat="1" ht="16.5" customHeight="1" x14ac:dyDescent="0.25">
      <c r="B107" s="405"/>
      <c r="C107" s="85" t="s">
        <v>1605</v>
      </c>
      <c r="F107" s="83"/>
    </row>
    <row r="108" spans="2:6" s="95" customFormat="1" ht="16.5" customHeight="1" x14ac:dyDescent="0.25">
      <c r="B108" s="405"/>
      <c r="C108" s="85" t="s">
        <v>1606</v>
      </c>
      <c r="F108" s="83"/>
    </row>
    <row r="109" spans="2:6" s="95" customFormat="1" ht="16.5" customHeight="1" x14ac:dyDescent="0.25">
      <c r="B109" s="405"/>
      <c r="C109" s="85" t="s">
        <v>1607</v>
      </c>
      <c r="F109" s="83"/>
    </row>
    <row r="110" spans="2:6" s="95" customFormat="1" ht="16.5" customHeight="1" x14ac:dyDescent="0.25">
      <c r="B110" s="405"/>
      <c r="C110" s="85" t="s">
        <v>1608</v>
      </c>
      <c r="F110" s="83"/>
    </row>
    <row r="111" spans="2:6" s="95" customFormat="1" ht="16.5" customHeight="1" x14ac:dyDescent="0.25">
      <c r="B111" s="405"/>
      <c r="C111" s="85" t="s">
        <v>1609</v>
      </c>
      <c r="F111" s="83"/>
    </row>
    <row r="112" spans="2:6" s="95" customFormat="1" ht="16.5" customHeight="1" x14ac:dyDescent="0.25">
      <c r="B112" s="405"/>
      <c r="C112" s="85" t="s">
        <v>1565</v>
      </c>
      <c r="F112" s="83"/>
    </row>
    <row r="113" spans="2:6" s="95" customFormat="1" ht="16.5" customHeight="1" x14ac:dyDescent="0.25">
      <c r="B113" s="405"/>
      <c r="C113" s="85" t="s">
        <v>1610</v>
      </c>
      <c r="F113" s="83"/>
    </row>
    <row r="114" spans="2:6" s="95" customFormat="1" ht="16.5" customHeight="1" x14ac:dyDescent="0.25">
      <c r="B114" s="405"/>
      <c r="C114" s="85" t="s">
        <v>1611</v>
      </c>
      <c r="F114" s="83"/>
    </row>
    <row r="115" spans="2:6" s="95" customFormat="1" ht="16.5" customHeight="1" x14ac:dyDescent="0.25">
      <c r="B115" s="405"/>
      <c r="C115" s="85" t="s">
        <v>1612</v>
      </c>
      <c r="F115" s="83"/>
    </row>
    <row r="116" spans="2:6" s="95" customFormat="1" ht="16.5" customHeight="1" x14ac:dyDescent="0.25">
      <c r="B116" s="405"/>
      <c r="C116" s="85" t="s">
        <v>1613</v>
      </c>
      <c r="F116" s="83"/>
    </row>
    <row r="117" spans="2:6" s="95" customFormat="1" ht="16.5" customHeight="1" x14ac:dyDescent="0.25">
      <c r="B117" s="405"/>
      <c r="C117" s="85" t="s">
        <v>1566</v>
      </c>
      <c r="F117" s="83"/>
    </row>
    <row r="118" spans="2:6" s="95" customFormat="1" ht="16.5" customHeight="1" x14ac:dyDescent="0.25">
      <c r="B118" s="405"/>
      <c r="C118" s="85" t="s">
        <v>1614</v>
      </c>
      <c r="F118" s="83"/>
    </row>
    <row r="119" spans="2:6" s="95" customFormat="1" ht="16.5" customHeight="1" x14ac:dyDescent="0.25">
      <c r="B119" s="405"/>
      <c r="C119" s="85" t="s">
        <v>1615</v>
      </c>
      <c r="F119" s="83"/>
    </row>
    <row r="120" spans="2:6" s="95" customFormat="1" ht="16.5" customHeight="1" x14ac:dyDescent="0.25">
      <c r="B120" s="405"/>
      <c r="C120" s="85" t="s">
        <v>1616</v>
      </c>
      <c r="F120" s="83"/>
    </row>
    <row r="121" spans="2:6" s="95" customFormat="1" ht="16.5" customHeight="1" x14ac:dyDescent="0.25">
      <c r="B121" s="405"/>
      <c r="C121" s="85" t="s">
        <v>1617</v>
      </c>
    </row>
    <row r="122" spans="2:6" s="95" customFormat="1" ht="16.5" customHeight="1" x14ac:dyDescent="0.25">
      <c r="B122" s="405"/>
      <c r="C122" s="85" t="s">
        <v>1618</v>
      </c>
    </row>
    <row r="123" spans="2:6" s="95" customFormat="1" ht="16.5" customHeight="1" x14ac:dyDescent="0.25">
      <c r="B123" s="405"/>
      <c r="C123" s="85" t="s">
        <v>1619</v>
      </c>
    </row>
    <row r="124" spans="2:6" s="95" customFormat="1" ht="16.5" customHeight="1" x14ac:dyDescent="0.25">
      <c r="B124" s="405"/>
      <c r="C124" s="85" t="s">
        <v>1620</v>
      </c>
    </row>
    <row r="125" spans="2:6" s="95" customFormat="1" ht="16.5" customHeight="1" x14ac:dyDescent="0.25">
      <c r="B125" s="405"/>
      <c r="C125" s="85" t="s">
        <v>1621</v>
      </c>
    </row>
    <row r="126" spans="2:6" s="95" customFormat="1" ht="16.5" customHeight="1" x14ac:dyDescent="0.25">
      <c r="B126" s="405"/>
      <c r="C126" s="85" t="s">
        <v>1622</v>
      </c>
    </row>
    <row r="127" spans="2:6" s="95" customFormat="1" ht="16.5" customHeight="1" x14ac:dyDescent="0.25">
      <c r="B127" s="405"/>
      <c r="C127" s="85" t="s">
        <v>1623</v>
      </c>
    </row>
    <row r="128" spans="2:6" s="95" customFormat="1" ht="16.5" customHeight="1" x14ac:dyDescent="0.25">
      <c r="B128" s="405"/>
      <c r="C128" s="85" t="s">
        <v>1624</v>
      </c>
    </row>
    <row r="129" spans="2:3" s="95" customFormat="1" ht="16.5" customHeight="1" x14ac:dyDescent="0.25">
      <c r="B129" s="405"/>
      <c r="C129" s="85" t="s">
        <v>1625</v>
      </c>
    </row>
    <row r="130" spans="2:3" s="95" customFormat="1" ht="16.5" customHeight="1" x14ac:dyDescent="0.25">
      <c r="B130" s="405"/>
      <c r="C130" s="85" t="s">
        <v>1626</v>
      </c>
    </row>
    <row r="131" spans="2:3" s="95" customFormat="1" ht="16.5" customHeight="1" x14ac:dyDescent="0.25">
      <c r="B131" s="405"/>
      <c r="C131" s="85" t="s">
        <v>1627</v>
      </c>
    </row>
    <row r="132" spans="2:3" s="95" customFormat="1" ht="16.5" customHeight="1" x14ac:dyDescent="0.25">
      <c r="B132" s="405"/>
      <c r="C132" s="85" t="s">
        <v>1567</v>
      </c>
    </row>
    <row r="133" spans="2:3" s="95" customFormat="1" ht="16.5" customHeight="1" x14ac:dyDescent="0.25">
      <c r="B133" s="405"/>
      <c r="C133" s="85" t="s">
        <v>1628</v>
      </c>
    </row>
    <row r="134" spans="2:3" s="95" customFormat="1" ht="16.5" customHeight="1" x14ac:dyDescent="0.25">
      <c r="B134" s="405"/>
      <c r="C134" s="85" t="s">
        <v>1568</v>
      </c>
    </row>
    <row r="135" spans="2:3" s="95" customFormat="1" ht="16.5" customHeight="1" x14ac:dyDescent="0.25">
      <c r="B135" s="405"/>
      <c r="C135" s="85" t="s">
        <v>1569</v>
      </c>
    </row>
    <row r="136" spans="2:3" s="95" customFormat="1" ht="16.5" customHeight="1" x14ac:dyDescent="0.25">
      <c r="B136" s="405"/>
      <c r="C136" s="85" t="s">
        <v>1629</v>
      </c>
    </row>
    <row r="137" spans="2:3" s="95" customFormat="1" ht="16.5" customHeight="1" x14ac:dyDescent="0.25">
      <c r="B137" s="405"/>
      <c r="C137" s="85" t="s">
        <v>1630</v>
      </c>
    </row>
    <row r="138" spans="2:3" s="95" customFormat="1" ht="16.5" customHeight="1" x14ac:dyDescent="0.25">
      <c r="B138" s="405"/>
      <c r="C138" s="85" t="s">
        <v>1631</v>
      </c>
    </row>
    <row r="139" spans="2:3" s="95" customFormat="1" ht="16.5" customHeight="1" x14ac:dyDescent="0.25">
      <c r="B139" s="405"/>
      <c r="C139" s="85" t="s">
        <v>1632</v>
      </c>
    </row>
    <row r="140" spans="2:3" s="95" customFormat="1" ht="16.5" customHeight="1" x14ac:dyDescent="0.25">
      <c r="B140" s="405"/>
      <c r="C140" s="85" t="s">
        <v>1633</v>
      </c>
    </row>
    <row r="141" spans="2:3" s="95" customFormat="1" ht="16.5" customHeight="1" x14ac:dyDescent="0.25">
      <c r="B141" s="405"/>
      <c r="C141" s="85" t="s">
        <v>1570</v>
      </c>
    </row>
    <row r="142" spans="2:3" s="95" customFormat="1" ht="16.5" customHeight="1" x14ac:dyDescent="0.25">
      <c r="B142" s="405"/>
      <c r="C142" s="85" t="s">
        <v>1634</v>
      </c>
    </row>
    <row r="143" spans="2:3" s="95" customFormat="1" ht="16.5" customHeight="1" x14ac:dyDescent="0.25">
      <c r="B143" s="405"/>
      <c r="C143" s="85" t="s">
        <v>1635</v>
      </c>
    </row>
    <row r="144" spans="2:3" s="95" customFormat="1" ht="16.5" customHeight="1" x14ac:dyDescent="0.25">
      <c r="B144" s="405"/>
      <c r="C144" s="85" t="s">
        <v>1636</v>
      </c>
    </row>
    <row r="145" spans="2:3" s="95" customFormat="1" ht="16.5" customHeight="1" x14ac:dyDescent="0.25">
      <c r="B145" s="405"/>
      <c r="C145" s="85" t="s">
        <v>1637</v>
      </c>
    </row>
    <row r="146" spans="2:3" s="95" customFormat="1" ht="16.5" customHeight="1" x14ac:dyDescent="0.25">
      <c r="B146" s="405"/>
      <c r="C146" s="85" t="s">
        <v>1638</v>
      </c>
    </row>
    <row r="147" spans="2:3" s="95" customFormat="1" ht="16.5" customHeight="1" x14ac:dyDescent="0.25">
      <c r="B147" s="405"/>
      <c r="C147" s="85" t="s">
        <v>1639</v>
      </c>
    </row>
    <row r="148" spans="2:3" s="95" customFormat="1" ht="16.5" customHeight="1" x14ac:dyDescent="0.25">
      <c r="B148" s="405"/>
      <c r="C148" s="85" t="s">
        <v>1640</v>
      </c>
    </row>
    <row r="149" spans="2:3" s="95" customFormat="1" ht="16.5" customHeight="1" x14ac:dyDescent="0.25">
      <c r="B149" s="405"/>
      <c r="C149" s="85" t="s">
        <v>1641</v>
      </c>
    </row>
    <row r="150" spans="2:3" s="95" customFormat="1" ht="16.5" customHeight="1" x14ac:dyDescent="0.25">
      <c r="B150" s="405"/>
      <c r="C150" s="85" t="s">
        <v>1642</v>
      </c>
    </row>
    <row r="151" spans="2:3" s="95" customFormat="1" ht="16.5" customHeight="1" x14ac:dyDescent="0.25">
      <c r="B151" s="405"/>
      <c r="C151" s="85" t="s">
        <v>1643</v>
      </c>
    </row>
    <row r="152" spans="2:3" s="95" customFormat="1" ht="16.5" customHeight="1" x14ac:dyDescent="0.25">
      <c r="B152" s="405"/>
      <c r="C152" s="85" t="s">
        <v>1644</v>
      </c>
    </row>
    <row r="153" spans="2:3" s="95" customFormat="1" ht="16.5" customHeight="1" x14ac:dyDescent="0.25">
      <c r="B153" s="405"/>
      <c r="C153" s="85" t="s">
        <v>1645</v>
      </c>
    </row>
    <row r="154" spans="2:3" s="95" customFormat="1" ht="16.5" customHeight="1" x14ac:dyDescent="0.25">
      <c r="B154" s="405"/>
      <c r="C154" s="85" t="s">
        <v>1646</v>
      </c>
    </row>
    <row r="155" spans="2:3" s="95" customFormat="1" ht="16.5" customHeight="1" x14ac:dyDescent="0.25">
      <c r="B155" s="405"/>
      <c r="C155" s="85" t="s">
        <v>1647</v>
      </c>
    </row>
    <row r="156" spans="2:3" s="95" customFormat="1" ht="16.5" customHeight="1" x14ac:dyDescent="0.25">
      <c r="B156" s="405"/>
      <c r="C156" s="85" t="s">
        <v>1648</v>
      </c>
    </row>
    <row r="157" spans="2:3" s="95" customFormat="1" ht="16.5" customHeight="1" x14ac:dyDescent="0.25">
      <c r="B157" s="405"/>
      <c r="C157" s="85" t="s">
        <v>1649</v>
      </c>
    </row>
    <row r="158" spans="2:3" s="95" customFormat="1" ht="16.5" customHeight="1" x14ac:dyDescent="0.25">
      <c r="B158" s="405"/>
      <c r="C158" s="85" t="s">
        <v>1650</v>
      </c>
    </row>
    <row r="159" spans="2:3" s="95" customFormat="1" ht="16.5" customHeight="1" x14ac:dyDescent="0.25">
      <c r="B159" s="405"/>
      <c r="C159" s="85" t="s">
        <v>1651</v>
      </c>
    </row>
    <row r="160" spans="2:3" s="95" customFormat="1" ht="16.5" customHeight="1" x14ac:dyDescent="0.25">
      <c r="B160" s="405"/>
      <c r="C160" s="85" t="s">
        <v>1652</v>
      </c>
    </row>
    <row r="161" spans="2:3" s="95" customFormat="1" ht="16.5" customHeight="1" thickBot="1" x14ac:dyDescent="0.3">
      <c r="B161" s="406"/>
      <c r="C161" s="86" t="s">
        <v>1653</v>
      </c>
    </row>
    <row r="162" spans="2:3" ht="15.75" thickBot="1" x14ac:dyDescent="0.3"/>
    <row r="163" spans="2:3" ht="20.25" customHeight="1" thickBot="1" x14ac:dyDescent="0.3">
      <c r="B163" s="387" t="s">
        <v>1540</v>
      </c>
      <c r="C163" s="388"/>
    </row>
    <row r="164" spans="2:3" ht="33.75" customHeight="1" thickBot="1" x14ac:dyDescent="0.3">
      <c r="B164" s="402" t="s">
        <v>1541</v>
      </c>
      <c r="C164" s="403"/>
    </row>
    <row r="165" spans="2:3" x14ac:dyDescent="0.25">
      <c r="B165" s="89"/>
      <c r="C165" s="84" t="s">
        <v>1542</v>
      </c>
    </row>
    <row r="166" spans="2:3" x14ac:dyDescent="0.25">
      <c r="B166" s="90"/>
      <c r="C166" s="85" t="s">
        <v>1543</v>
      </c>
    </row>
    <row r="167" spans="2:3" x14ac:dyDescent="0.25">
      <c r="B167" s="90"/>
      <c r="C167" s="85" t="s">
        <v>1544</v>
      </c>
    </row>
    <row r="168" spans="2:3" x14ac:dyDescent="0.25">
      <c r="B168" s="90"/>
      <c r="C168" s="93" t="s">
        <v>1545</v>
      </c>
    </row>
    <row r="169" spans="2:3" x14ac:dyDescent="0.25">
      <c r="B169" s="90"/>
      <c r="C169" s="93" t="s">
        <v>1546</v>
      </c>
    </row>
    <row r="170" spans="2:3" x14ac:dyDescent="0.25">
      <c r="B170" s="90"/>
      <c r="C170" s="93" t="s">
        <v>1547</v>
      </c>
    </row>
    <row r="171" spans="2:3" x14ac:dyDescent="0.25">
      <c r="B171" s="90"/>
      <c r="C171" s="93" t="s">
        <v>1548</v>
      </c>
    </row>
    <row r="172" spans="2:3" x14ac:dyDescent="0.25">
      <c r="B172" s="90"/>
      <c r="C172" s="93" t="s">
        <v>1549</v>
      </c>
    </row>
    <row r="173" spans="2:3" x14ac:dyDescent="0.25">
      <c r="B173" s="90"/>
      <c r="C173" s="93" t="s">
        <v>1550</v>
      </c>
    </row>
    <row r="174" spans="2:3" x14ac:dyDescent="0.25">
      <c r="B174" s="90"/>
      <c r="C174" s="93" t="s">
        <v>1551</v>
      </c>
    </row>
    <row r="175" spans="2:3" x14ac:dyDescent="0.25">
      <c r="B175" s="90"/>
      <c r="C175" s="93" t="s">
        <v>1552</v>
      </c>
    </row>
    <row r="176" spans="2:3" x14ac:dyDescent="0.25">
      <c r="B176" s="90"/>
      <c r="C176" s="93" t="s">
        <v>1553</v>
      </c>
    </row>
    <row r="177" spans="2:3" x14ac:dyDescent="0.25">
      <c r="B177" s="90"/>
      <c r="C177" s="93" t="s">
        <v>1554</v>
      </c>
    </row>
    <row r="178" spans="2:3" x14ac:dyDescent="0.25">
      <c r="B178" s="90"/>
      <c r="C178" s="93" t="s">
        <v>1555</v>
      </c>
    </row>
    <row r="179" spans="2:3" x14ac:dyDescent="0.25">
      <c r="B179" s="90"/>
      <c r="C179" s="93" t="s">
        <v>1556</v>
      </c>
    </row>
    <row r="180" spans="2:3" x14ac:dyDescent="0.25">
      <c r="B180" s="90"/>
      <c r="C180" s="93" t="s">
        <v>1557</v>
      </c>
    </row>
    <row r="181" spans="2:3" x14ac:dyDescent="0.25">
      <c r="B181" s="90"/>
      <c r="C181" s="93" t="s">
        <v>1558</v>
      </c>
    </row>
    <row r="182" spans="2:3" ht="15.75" thickBot="1" x14ac:dyDescent="0.3">
      <c r="B182" s="91"/>
      <c r="C182" s="94" t="s">
        <v>1559</v>
      </c>
    </row>
    <row r="183" spans="2:3" ht="15.75" thickBot="1" x14ac:dyDescent="0.3">
      <c r="C183" s="95"/>
    </row>
    <row r="184" spans="2:3" ht="15.75" thickBot="1" x14ac:dyDescent="0.3">
      <c r="B184" s="387" t="s">
        <v>1659</v>
      </c>
      <c r="C184" s="388"/>
    </row>
    <row r="185" spans="2:3" ht="15.75" thickBot="1" x14ac:dyDescent="0.3">
      <c r="B185" s="391" t="s">
        <v>1660</v>
      </c>
      <c r="C185" s="392"/>
    </row>
    <row r="186" spans="2:3" ht="15" customHeight="1" thickBot="1" x14ac:dyDescent="0.3">
      <c r="B186" s="102"/>
      <c r="C186" s="87" t="s">
        <v>1661</v>
      </c>
    </row>
    <row r="187" spans="2:3" ht="15.75" customHeight="1" thickBot="1" x14ac:dyDescent="0.3">
      <c r="C187" s="83"/>
    </row>
    <row r="188" spans="2:3" ht="15.75" thickBot="1" x14ac:dyDescent="0.3">
      <c r="B188" s="387" t="s">
        <v>1535</v>
      </c>
      <c r="C188" s="388"/>
    </row>
    <row r="189" spans="2:3" ht="15.75" thickBot="1" x14ac:dyDescent="0.3">
      <c r="B189" s="391" t="s">
        <v>1536</v>
      </c>
      <c r="C189" s="392"/>
    </row>
    <row r="190" spans="2:3" ht="15" customHeight="1" x14ac:dyDescent="0.25">
      <c r="B190" s="96"/>
      <c r="C190" s="84" t="s">
        <v>1539</v>
      </c>
    </row>
    <row r="191" spans="2:3" ht="15" customHeight="1" x14ac:dyDescent="0.25">
      <c r="B191" s="97"/>
      <c r="C191" s="85" t="s">
        <v>1537</v>
      </c>
    </row>
    <row r="192" spans="2:3" ht="15" customHeight="1" thickBot="1" x14ac:dyDescent="0.3">
      <c r="B192" s="98"/>
      <c r="C192" s="86" t="s">
        <v>1538</v>
      </c>
    </row>
    <row r="193" spans="2:3" ht="15.75" thickBot="1" x14ac:dyDescent="0.3">
      <c r="C193" s="95"/>
    </row>
    <row r="194" spans="2:3" ht="15.75" thickBot="1" x14ac:dyDescent="0.3">
      <c r="B194" s="387" t="s">
        <v>1535</v>
      </c>
      <c r="C194" s="388"/>
    </row>
    <row r="195" spans="2:3" ht="15.75" thickBot="1" x14ac:dyDescent="0.3">
      <c r="B195" s="391" t="s">
        <v>1536</v>
      </c>
      <c r="C195" s="392"/>
    </row>
    <row r="196" spans="2:3" ht="15" customHeight="1" x14ac:dyDescent="0.25">
      <c r="B196" s="96"/>
      <c r="C196" s="84" t="s">
        <v>1537</v>
      </c>
    </row>
    <row r="197" spans="2:3" ht="15.75" customHeight="1" thickBot="1" x14ac:dyDescent="0.3">
      <c r="B197" s="98"/>
      <c r="C197" s="86" t="s">
        <v>1538</v>
      </c>
    </row>
    <row r="198" spans="2:3" ht="15.75" thickBot="1" x14ac:dyDescent="0.3"/>
    <row r="199" spans="2:3" ht="15.75" thickBot="1" x14ac:dyDescent="0.3">
      <c r="B199" s="387" t="s">
        <v>1663</v>
      </c>
      <c r="C199" s="388"/>
    </row>
    <row r="200" spans="2:3" ht="15.75" thickBot="1" x14ac:dyDescent="0.3">
      <c r="B200" s="389" t="s">
        <v>1677</v>
      </c>
      <c r="C200" s="390"/>
    </row>
    <row r="201" spans="2:3" x14ac:dyDescent="0.25">
      <c r="B201" s="104"/>
      <c r="C201" s="105" t="s">
        <v>1678</v>
      </c>
    </row>
    <row r="202" spans="2:3" x14ac:dyDescent="0.25">
      <c r="B202" s="106"/>
      <c r="C202" s="107" t="s">
        <v>1679</v>
      </c>
    </row>
    <row r="203" spans="2:3" x14ac:dyDescent="0.25">
      <c r="B203" s="106"/>
      <c r="C203" s="107" t="s">
        <v>1680</v>
      </c>
    </row>
    <row r="204" spans="2:3" x14ac:dyDescent="0.25">
      <c r="B204" s="106"/>
      <c r="C204" s="107" t="s">
        <v>1681</v>
      </c>
    </row>
    <row r="205" spans="2:3" ht="15.75" thickBot="1" x14ac:dyDescent="0.3">
      <c r="B205" s="108"/>
      <c r="C205" s="109" t="s">
        <v>1662</v>
      </c>
    </row>
    <row r="206" spans="2:3" ht="15.75" thickBot="1" x14ac:dyDescent="0.3"/>
    <row r="207" spans="2:3" ht="15.75" thickBot="1" x14ac:dyDescent="0.3">
      <c r="B207" s="387" t="s">
        <v>1675</v>
      </c>
      <c r="C207" s="388"/>
    </row>
    <row r="208" spans="2:3" ht="15.75" thickBot="1" x14ac:dyDescent="0.3">
      <c r="B208" s="389" t="s">
        <v>1676</v>
      </c>
      <c r="C208" s="390"/>
    </row>
    <row r="209" spans="2:3" x14ac:dyDescent="0.25">
      <c r="B209" s="104"/>
      <c r="C209" s="105" t="s">
        <v>1682</v>
      </c>
    </row>
    <row r="210" spans="2:3" x14ac:dyDescent="0.25">
      <c r="B210" s="106"/>
      <c r="C210" s="107" t="s">
        <v>1683</v>
      </c>
    </row>
    <row r="211" spans="2:3" x14ac:dyDescent="0.25">
      <c r="B211" s="106"/>
      <c r="C211" s="107" t="s">
        <v>1684</v>
      </c>
    </row>
    <row r="212" spans="2:3" x14ac:dyDescent="0.25">
      <c r="B212" s="106"/>
      <c r="C212" s="107" t="s">
        <v>1685</v>
      </c>
    </row>
    <row r="213" spans="2:3" x14ac:dyDescent="0.25">
      <c r="B213" s="106"/>
      <c r="C213" s="107" t="s">
        <v>1686</v>
      </c>
    </row>
    <row r="214" spans="2:3" x14ac:dyDescent="0.25">
      <c r="B214" s="106"/>
      <c r="C214" s="107" t="s">
        <v>1687</v>
      </c>
    </row>
    <row r="215" spans="2:3" x14ac:dyDescent="0.25">
      <c r="B215" s="106"/>
      <c r="C215" s="107" t="s">
        <v>1688</v>
      </c>
    </row>
    <row r="216" spans="2:3" x14ac:dyDescent="0.25">
      <c r="B216" s="106"/>
      <c r="C216" s="107" t="s">
        <v>1689</v>
      </c>
    </row>
    <row r="217" spans="2:3" x14ac:dyDescent="0.25">
      <c r="B217" s="106"/>
      <c r="C217" s="107" t="s">
        <v>1690</v>
      </c>
    </row>
    <row r="218" spans="2:3" ht="15.75" thickBot="1" x14ac:dyDescent="0.3">
      <c r="B218" s="108"/>
      <c r="C218" s="109" t="s">
        <v>1691</v>
      </c>
    </row>
    <row r="219" spans="2:3" ht="15.75" thickBot="1" x14ac:dyDescent="0.3"/>
    <row r="220" spans="2:3" ht="15.75" thickBot="1" x14ac:dyDescent="0.3">
      <c r="B220" s="387" t="s">
        <v>1692</v>
      </c>
      <c r="C220" s="388"/>
    </row>
    <row r="221" spans="2:3" ht="15.75" thickBot="1" x14ac:dyDescent="0.3">
      <c r="B221" s="389" t="s">
        <v>1693</v>
      </c>
      <c r="C221" s="390"/>
    </row>
    <row r="222" spans="2:3" x14ac:dyDescent="0.25">
      <c r="B222" s="104"/>
      <c r="C222" s="105" t="s">
        <v>1694</v>
      </c>
    </row>
    <row r="223" spans="2:3" x14ac:dyDescent="0.25">
      <c r="B223" s="106"/>
      <c r="C223" s="107" t="s">
        <v>1695</v>
      </c>
    </row>
    <row r="224" spans="2:3" x14ac:dyDescent="0.25">
      <c r="B224" s="106"/>
      <c r="C224" s="107" t="s">
        <v>1696</v>
      </c>
    </row>
    <row r="225" spans="2:3" x14ac:dyDescent="0.25">
      <c r="B225" s="106"/>
      <c r="C225" s="107" t="s">
        <v>1697</v>
      </c>
    </row>
    <row r="226" spans="2:3" x14ac:dyDescent="0.25">
      <c r="B226" s="106"/>
      <c r="C226" s="107" t="s">
        <v>1698</v>
      </c>
    </row>
    <row r="227" spans="2:3" x14ac:dyDescent="0.25">
      <c r="B227" s="106"/>
      <c r="C227" s="107" t="s">
        <v>1699</v>
      </c>
    </row>
    <row r="228" spans="2:3" x14ac:dyDescent="0.25">
      <c r="B228" s="106"/>
      <c r="C228" s="107" t="s">
        <v>1700</v>
      </c>
    </row>
    <row r="229" spans="2:3" x14ac:dyDescent="0.25">
      <c r="B229" s="106"/>
      <c r="C229" s="107" t="s">
        <v>1701</v>
      </c>
    </row>
    <row r="230" spans="2:3" x14ac:dyDescent="0.25">
      <c r="B230" s="106"/>
      <c r="C230" s="107" t="s">
        <v>1702</v>
      </c>
    </row>
    <row r="231" spans="2:3" x14ac:dyDescent="0.25">
      <c r="B231" s="106"/>
      <c r="C231" s="107" t="s">
        <v>1703</v>
      </c>
    </row>
    <row r="232" spans="2:3" x14ac:dyDescent="0.25">
      <c r="B232" s="106"/>
      <c r="C232" s="107" t="s">
        <v>1704</v>
      </c>
    </row>
    <row r="233" spans="2:3" x14ac:dyDescent="0.25">
      <c r="B233" s="106"/>
      <c r="C233" s="107" t="s">
        <v>1705</v>
      </c>
    </row>
    <row r="234" spans="2:3" x14ac:dyDescent="0.25">
      <c r="B234" s="106"/>
      <c r="C234" s="107" t="s">
        <v>1706</v>
      </c>
    </row>
    <row r="235" spans="2:3" ht="15.75" thickBot="1" x14ac:dyDescent="0.3">
      <c r="B235" s="108"/>
      <c r="C235" s="109" t="s">
        <v>1707</v>
      </c>
    </row>
    <row r="236" spans="2:3" ht="15.75" thickBot="1" x14ac:dyDescent="0.3"/>
    <row r="237" spans="2:3" ht="15.75" thickBot="1" x14ac:dyDescent="0.3">
      <c r="B237" s="387" t="s">
        <v>1708</v>
      </c>
      <c r="C237" s="388"/>
    </row>
    <row r="238" spans="2:3" ht="15.75" thickBot="1" x14ac:dyDescent="0.3">
      <c r="B238" s="389" t="s">
        <v>1709</v>
      </c>
      <c r="C238" s="390"/>
    </row>
    <row r="239" spans="2:3" x14ac:dyDescent="0.25">
      <c r="B239" s="104"/>
      <c r="C239" s="105" t="s">
        <v>1710</v>
      </c>
    </row>
    <row r="240" spans="2:3" x14ac:dyDescent="0.25">
      <c r="B240" s="106"/>
      <c r="C240" s="107" t="s">
        <v>1711</v>
      </c>
    </row>
    <row r="241" spans="2:3" x14ac:dyDescent="0.25">
      <c r="B241" s="106"/>
      <c r="C241" s="107" t="s">
        <v>1712</v>
      </c>
    </row>
    <row r="242" spans="2:3" x14ac:dyDescent="0.25">
      <c r="B242" s="106"/>
      <c r="C242" s="107" t="s">
        <v>1713</v>
      </c>
    </row>
    <row r="243" spans="2:3" x14ac:dyDescent="0.25">
      <c r="B243" s="106"/>
      <c r="C243" s="107" t="s">
        <v>1714</v>
      </c>
    </row>
    <row r="244" spans="2:3" x14ac:dyDescent="0.25">
      <c r="B244" s="106"/>
      <c r="C244" s="107" t="s">
        <v>1715</v>
      </c>
    </row>
    <row r="245" spans="2:3" x14ac:dyDescent="0.25">
      <c r="B245" s="106"/>
      <c r="C245" s="107" t="s">
        <v>1716</v>
      </c>
    </row>
    <row r="246" spans="2:3" ht="15.75" thickBot="1" x14ac:dyDescent="0.3">
      <c r="B246" s="108"/>
      <c r="C246" s="109" t="s">
        <v>1717</v>
      </c>
    </row>
    <row r="247" spans="2:3" ht="15.75" thickBot="1" x14ac:dyDescent="0.3"/>
    <row r="248" spans="2:3" ht="15.75" thickBot="1" x14ac:dyDescent="0.3">
      <c r="B248" s="387" t="s">
        <v>1718</v>
      </c>
      <c r="C248" s="388"/>
    </row>
    <row r="249" spans="2:3" ht="30" customHeight="1" thickBot="1" x14ac:dyDescent="0.3">
      <c r="B249" s="401" t="s">
        <v>1719</v>
      </c>
      <c r="C249" s="388"/>
    </row>
    <row r="250" spans="2:3" x14ac:dyDescent="0.25">
      <c r="B250" s="104"/>
      <c r="C250" s="105" t="s">
        <v>1720</v>
      </c>
    </row>
    <row r="251" spans="2:3" x14ac:dyDescent="0.25">
      <c r="B251" s="106"/>
      <c r="C251" s="107" t="s">
        <v>1721</v>
      </c>
    </row>
    <row r="252" spans="2:3" x14ac:dyDescent="0.25">
      <c r="B252" s="106"/>
      <c r="C252" s="107" t="s">
        <v>1722</v>
      </c>
    </row>
    <row r="253" spans="2:3" x14ac:dyDescent="0.25">
      <c r="B253" s="106"/>
      <c r="C253" s="107" t="s">
        <v>1723</v>
      </c>
    </row>
    <row r="254" spans="2:3" x14ac:dyDescent="0.25">
      <c r="B254" s="106"/>
      <c r="C254" s="107" t="s">
        <v>1724</v>
      </c>
    </row>
    <row r="255" spans="2:3" x14ac:dyDescent="0.25">
      <c r="B255" s="106"/>
      <c r="C255" s="107" t="s">
        <v>1725</v>
      </c>
    </row>
    <row r="256" spans="2:3" x14ac:dyDescent="0.25">
      <c r="B256" s="106"/>
      <c r="C256" s="107" t="s">
        <v>1726</v>
      </c>
    </row>
    <row r="257" spans="2:3" x14ac:dyDescent="0.25">
      <c r="B257" s="106"/>
      <c r="C257" s="107" t="s">
        <v>1727</v>
      </c>
    </row>
    <row r="258" spans="2:3" x14ac:dyDescent="0.25">
      <c r="B258" s="106"/>
      <c r="C258" s="107" t="s">
        <v>1728</v>
      </c>
    </row>
    <row r="259" spans="2:3" x14ac:dyDescent="0.25">
      <c r="B259" s="106"/>
      <c r="C259" s="107" t="s">
        <v>1729</v>
      </c>
    </row>
    <row r="260" spans="2:3" x14ac:dyDescent="0.25">
      <c r="B260" s="106"/>
      <c r="C260" s="107" t="s">
        <v>1730</v>
      </c>
    </row>
    <row r="261" spans="2:3" ht="15.75" thickBot="1" x14ac:dyDescent="0.3">
      <c r="B261" s="108"/>
      <c r="C261" s="109" t="s">
        <v>1731</v>
      </c>
    </row>
    <row r="262" spans="2:3" ht="15.75" thickBot="1" x14ac:dyDescent="0.3"/>
    <row r="263" spans="2:3" ht="15.75" thickBot="1" x14ac:dyDescent="0.3">
      <c r="B263" s="387" t="s">
        <v>1732</v>
      </c>
      <c r="C263" s="388"/>
    </row>
    <row r="264" spans="2:3" ht="15.75" thickBot="1" x14ac:dyDescent="0.3">
      <c r="B264" s="389" t="s">
        <v>1733</v>
      </c>
      <c r="C264" s="390"/>
    </row>
    <row r="265" spans="2:3" x14ac:dyDescent="0.25">
      <c r="B265" s="104"/>
      <c r="C265" s="105" t="s">
        <v>1734</v>
      </c>
    </row>
    <row r="266" spans="2:3" x14ac:dyDescent="0.25">
      <c r="B266" s="106"/>
      <c r="C266" s="107" t="s">
        <v>1735</v>
      </c>
    </row>
    <row r="267" spans="2:3" x14ac:dyDescent="0.25">
      <c r="B267" s="106"/>
      <c r="C267" s="107" t="s">
        <v>1736</v>
      </c>
    </row>
    <row r="268" spans="2:3" ht="15.75" thickBot="1" x14ac:dyDescent="0.3">
      <c r="B268" s="108"/>
      <c r="C268" s="109" t="s">
        <v>1737</v>
      </c>
    </row>
    <row r="270" spans="2:3" ht="15.75" thickBot="1" x14ac:dyDescent="0.3"/>
    <row r="271" spans="2:3" ht="15.75" thickBot="1" x14ac:dyDescent="0.3">
      <c r="B271" s="387" t="s">
        <v>1796</v>
      </c>
      <c r="C271" s="388"/>
    </row>
    <row r="272" spans="2:3" ht="32.25" customHeight="1" thickBot="1" x14ac:dyDescent="0.3">
      <c r="B272" s="398" t="s">
        <v>1797</v>
      </c>
      <c r="C272" s="399"/>
    </row>
    <row r="273" spans="2:3" x14ac:dyDescent="0.25">
      <c r="B273" s="104"/>
      <c r="C273" s="110" t="s">
        <v>1738</v>
      </c>
    </row>
    <row r="274" spans="2:3" x14ac:dyDescent="0.25">
      <c r="B274" s="106"/>
      <c r="C274" s="111" t="s">
        <v>1739</v>
      </c>
    </row>
    <row r="275" spans="2:3" x14ac:dyDescent="0.25">
      <c r="B275" s="106"/>
      <c r="C275" s="111" t="s">
        <v>1740</v>
      </c>
    </row>
    <row r="276" spans="2:3" x14ac:dyDescent="0.25">
      <c r="B276" s="106"/>
      <c r="C276" s="111" t="s">
        <v>1741</v>
      </c>
    </row>
    <row r="277" spans="2:3" x14ac:dyDescent="0.25">
      <c r="B277" s="106"/>
      <c r="C277" s="111" t="s">
        <v>1742</v>
      </c>
    </row>
    <row r="278" spans="2:3" x14ac:dyDescent="0.25">
      <c r="B278" s="106"/>
      <c r="C278" s="111" t="s">
        <v>1743</v>
      </c>
    </row>
    <row r="279" spans="2:3" x14ac:dyDescent="0.25">
      <c r="B279" s="106"/>
      <c r="C279" s="111" t="s">
        <v>1798</v>
      </c>
    </row>
    <row r="280" spans="2:3" x14ac:dyDescent="0.25">
      <c r="B280" s="106"/>
      <c r="C280" s="111" t="s">
        <v>1744</v>
      </c>
    </row>
    <row r="281" spans="2:3" x14ac:dyDescent="0.25">
      <c r="B281" s="106"/>
      <c r="C281" s="111" t="s">
        <v>1745</v>
      </c>
    </row>
    <row r="282" spans="2:3" x14ac:dyDescent="0.25">
      <c r="B282" s="106"/>
      <c r="C282" s="111" t="s">
        <v>1746</v>
      </c>
    </row>
    <row r="283" spans="2:3" x14ac:dyDescent="0.25">
      <c r="B283" s="106"/>
      <c r="C283" s="111" t="s">
        <v>1747</v>
      </c>
    </row>
    <row r="284" spans="2:3" x14ac:dyDescent="0.25">
      <c r="B284" s="106"/>
      <c r="C284" s="111" t="s">
        <v>1748</v>
      </c>
    </row>
    <row r="285" spans="2:3" x14ac:dyDescent="0.25">
      <c r="B285" s="106"/>
      <c r="C285" s="111" t="s">
        <v>1749</v>
      </c>
    </row>
    <row r="286" spans="2:3" x14ac:dyDescent="0.25">
      <c r="B286" s="106"/>
      <c r="C286" s="111" t="s">
        <v>1750</v>
      </c>
    </row>
    <row r="287" spans="2:3" x14ac:dyDescent="0.25">
      <c r="B287" s="106"/>
      <c r="C287" s="111" t="s">
        <v>1751</v>
      </c>
    </row>
    <row r="288" spans="2:3" x14ac:dyDescent="0.25">
      <c r="B288" s="106"/>
      <c r="C288" s="111" t="s">
        <v>1752</v>
      </c>
    </row>
    <row r="289" spans="2:3" x14ac:dyDescent="0.25">
      <c r="B289" s="106"/>
      <c r="C289" s="111" t="s">
        <v>1753</v>
      </c>
    </row>
    <row r="290" spans="2:3" x14ac:dyDescent="0.25">
      <c r="B290" s="106"/>
      <c r="C290" s="111" t="s">
        <v>1754</v>
      </c>
    </row>
    <row r="291" spans="2:3" x14ac:dyDescent="0.25">
      <c r="B291" s="106"/>
      <c r="C291" s="111" t="s">
        <v>1755</v>
      </c>
    </row>
    <row r="292" spans="2:3" x14ac:dyDescent="0.25">
      <c r="B292" s="106"/>
      <c r="C292" s="111" t="s">
        <v>1756</v>
      </c>
    </row>
    <row r="293" spans="2:3" x14ac:dyDescent="0.25">
      <c r="B293" s="106"/>
      <c r="C293" s="111" t="s">
        <v>1757</v>
      </c>
    </row>
    <row r="294" spans="2:3" x14ac:dyDescent="0.25">
      <c r="B294" s="106"/>
      <c r="C294" s="111" t="s">
        <v>1758</v>
      </c>
    </row>
    <row r="295" spans="2:3" x14ac:dyDescent="0.25">
      <c r="B295" s="106"/>
      <c r="C295" s="111" t="s">
        <v>1759</v>
      </c>
    </row>
    <row r="296" spans="2:3" x14ac:dyDescent="0.25">
      <c r="B296" s="106"/>
      <c r="C296" s="111" t="s">
        <v>1760</v>
      </c>
    </row>
    <row r="297" spans="2:3" x14ac:dyDescent="0.25">
      <c r="B297" s="106"/>
      <c r="C297" s="111" t="s">
        <v>1761</v>
      </c>
    </row>
    <row r="298" spans="2:3" x14ac:dyDescent="0.25">
      <c r="B298" s="106"/>
      <c r="C298" s="111" t="s">
        <v>1762</v>
      </c>
    </row>
    <row r="299" spans="2:3" x14ac:dyDescent="0.25">
      <c r="B299" s="106"/>
      <c r="C299" s="111" t="s">
        <v>1763</v>
      </c>
    </row>
    <row r="300" spans="2:3" x14ac:dyDescent="0.25">
      <c r="B300" s="106"/>
      <c r="C300" s="111" t="s">
        <v>1764</v>
      </c>
    </row>
    <row r="301" spans="2:3" x14ac:dyDescent="0.25">
      <c r="B301" s="106"/>
      <c r="C301" s="111" t="s">
        <v>525</v>
      </c>
    </row>
    <row r="302" spans="2:3" x14ac:dyDescent="0.25">
      <c r="B302" s="106"/>
      <c r="C302" s="111" t="s">
        <v>1765</v>
      </c>
    </row>
    <row r="303" spans="2:3" x14ac:dyDescent="0.25">
      <c r="B303" s="106"/>
      <c r="C303" s="111" t="s">
        <v>1766</v>
      </c>
    </row>
    <row r="304" spans="2:3" x14ac:dyDescent="0.25">
      <c r="B304" s="106"/>
      <c r="C304" s="111" t="s">
        <v>1767</v>
      </c>
    </row>
    <row r="305" spans="2:3" x14ac:dyDescent="0.25">
      <c r="B305" s="106"/>
      <c r="C305" s="111" t="s">
        <v>1768</v>
      </c>
    </row>
    <row r="306" spans="2:3" x14ac:dyDescent="0.25">
      <c r="B306" s="106"/>
      <c r="C306" s="111" t="s">
        <v>1769</v>
      </c>
    </row>
    <row r="307" spans="2:3" x14ac:dyDescent="0.25">
      <c r="B307" s="106"/>
      <c r="C307" s="111" t="s">
        <v>1770</v>
      </c>
    </row>
    <row r="308" spans="2:3" x14ac:dyDescent="0.25">
      <c r="B308" s="106"/>
      <c r="C308" s="111" t="s">
        <v>1771</v>
      </c>
    </row>
    <row r="309" spans="2:3" x14ac:dyDescent="0.25">
      <c r="B309" s="106"/>
      <c r="C309" s="111" t="s">
        <v>1772</v>
      </c>
    </row>
    <row r="310" spans="2:3" x14ac:dyDescent="0.25">
      <c r="B310" s="106"/>
      <c r="C310" s="111" t="s">
        <v>1773</v>
      </c>
    </row>
    <row r="311" spans="2:3" x14ac:dyDescent="0.25">
      <c r="B311" s="106"/>
      <c r="C311" s="111" t="s">
        <v>1774</v>
      </c>
    </row>
    <row r="312" spans="2:3" x14ac:dyDescent="0.25">
      <c r="B312" s="106"/>
      <c r="C312" s="111" t="s">
        <v>1799</v>
      </c>
    </row>
    <row r="313" spans="2:3" x14ac:dyDescent="0.25">
      <c r="B313" s="106"/>
      <c r="C313" s="111" t="s">
        <v>1775</v>
      </c>
    </row>
    <row r="314" spans="2:3" x14ac:dyDescent="0.25">
      <c r="B314" s="106"/>
      <c r="C314" s="111" t="s">
        <v>1776</v>
      </c>
    </row>
    <row r="315" spans="2:3" x14ac:dyDescent="0.25">
      <c r="B315" s="106"/>
      <c r="C315" s="111" t="s">
        <v>1777</v>
      </c>
    </row>
    <row r="316" spans="2:3" x14ac:dyDescent="0.25">
      <c r="B316" s="106"/>
      <c r="C316" s="111" t="s">
        <v>1778</v>
      </c>
    </row>
    <row r="317" spans="2:3" x14ac:dyDescent="0.25">
      <c r="B317" s="106"/>
      <c r="C317" s="111" t="s">
        <v>1779</v>
      </c>
    </row>
    <row r="318" spans="2:3" x14ac:dyDescent="0.25">
      <c r="B318" s="106"/>
      <c r="C318" s="111" t="s">
        <v>1780</v>
      </c>
    </row>
    <row r="319" spans="2:3" x14ac:dyDescent="0.25">
      <c r="B319" s="106"/>
      <c r="C319" s="111" t="s">
        <v>1781</v>
      </c>
    </row>
    <row r="320" spans="2:3" x14ac:dyDescent="0.25">
      <c r="B320" s="106"/>
      <c r="C320" s="111" t="s">
        <v>1782</v>
      </c>
    </row>
    <row r="321" spans="2:3" x14ac:dyDescent="0.25">
      <c r="B321" s="106"/>
      <c r="C321" s="111" t="s">
        <v>1783</v>
      </c>
    </row>
    <row r="322" spans="2:3" x14ac:dyDescent="0.25">
      <c r="B322" s="106"/>
      <c r="C322" s="111" t="s">
        <v>1784</v>
      </c>
    </row>
    <row r="323" spans="2:3" x14ac:dyDescent="0.25">
      <c r="B323" s="106"/>
      <c r="C323" s="111" t="s">
        <v>1785</v>
      </c>
    </row>
    <row r="324" spans="2:3" x14ac:dyDescent="0.25">
      <c r="B324" s="106"/>
      <c r="C324" s="111" t="s">
        <v>1786</v>
      </c>
    </row>
    <row r="325" spans="2:3" x14ac:dyDescent="0.25">
      <c r="B325" s="106"/>
      <c r="C325" s="111" t="s">
        <v>1787</v>
      </c>
    </row>
    <row r="326" spans="2:3" x14ac:dyDescent="0.25">
      <c r="B326" s="106"/>
      <c r="C326" s="111" t="s">
        <v>1788</v>
      </c>
    </row>
    <row r="327" spans="2:3" x14ac:dyDescent="0.25">
      <c r="B327" s="106"/>
      <c r="C327" s="111" t="s">
        <v>1789</v>
      </c>
    </row>
    <row r="328" spans="2:3" x14ac:dyDescent="0.25">
      <c r="B328" s="106"/>
      <c r="C328" s="111" t="s">
        <v>1790</v>
      </c>
    </row>
    <row r="329" spans="2:3" x14ac:dyDescent="0.25">
      <c r="B329" s="106"/>
      <c r="C329" s="111" t="s">
        <v>1791</v>
      </c>
    </row>
    <row r="330" spans="2:3" x14ac:dyDescent="0.25">
      <c r="B330" s="106"/>
      <c r="C330" s="111" t="s">
        <v>1792</v>
      </c>
    </row>
    <row r="331" spans="2:3" x14ac:dyDescent="0.25">
      <c r="B331" s="106"/>
      <c r="C331" s="111" t="s">
        <v>1793</v>
      </c>
    </row>
    <row r="332" spans="2:3" x14ac:dyDescent="0.25">
      <c r="B332" s="106"/>
      <c r="C332" s="111" t="s">
        <v>1794</v>
      </c>
    </row>
    <row r="333" spans="2:3" x14ac:dyDescent="0.25">
      <c r="B333" s="106"/>
      <c r="C333" s="111" t="s">
        <v>124</v>
      </c>
    </row>
    <row r="334" spans="2:3" x14ac:dyDescent="0.25">
      <c r="B334" s="106"/>
      <c r="C334" s="111" t="s">
        <v>1795</v>
      </c>
    </row>
    <row r="335" spans="2:3" ht="15.75" thickBot="1" x14ac:dyDescent="0.3">
      <c r="B335" s="108"/>
      <c r="C335" s="112" t="s">
        <v>1800</v>
      </c>
    </row>
    <row r="336" spans="2:3" ht="15.75" x14ac:dyDescent="0.25">
      <c r="C336" s="113"/>
    </row>
    <row r="337" spans="2:3" ht="15.75" thickBot="1" x14ac:dyDescent="0.3"/>
    <row r="338" spans="2:3" ht="15.75" thickBot="1" x14ac:dyDescent="0.3">
      <c r="B338" s="394" t="s">
        <v>1801</v>
      </c>
      <c r="C338" s="395"/>
    </row>
    <row r="339" spans="2:3" ht="36.75" customHeight="1" thickBot="1" x14ac:dyDescent="0.3">
      <c r="B339" s="396" t="s">
        <v>1802</v>
      </c>
      <c r="C339" s="397"/>
    </row>
    <row r="340" spans="2:3" ht="15.75" thickBot="1" x14ac:dyDescent="0.3">
      <c r="B340" s="114"/>
      <c r="C340" s="115" t="s">
        <v>1828</v>
      </c>
    </row>
    <row r="342" spans="2:3" ht="15.75" thickBot="1" x14ac:dyDescent="0.3"/>
    <row r="343" spans="2:3" ht="15.75" thickBot="1" x14ac:dyDescent="0.3">
      <c r="B343" s="367" t="s">
        <v>1803</v>
      </c>
      <c r="C343" s="368"/>
    </row>
    <row r="344" spans="2:3" ht="28.5" customHeight="1" thickBot="1" x14ac:dyDescent="0.3">
      <c r="B344" s="373" t="s">
        <v>1818</v>
      </c>
      <c r="C344" s="368"/>
    </row>
    <row r="345" spans="2:3" x14ac:dyDescent="0.25">
      <c r="B345" s="104"/>
      <c r="C345" s="116" t="s">
        <v>1804</v>
      </c>
    </row>
    <row r="346" spans="2:3" x14ac:dyDescent="0.25">
      <c r="B346" s="106"/>
      <c r="C346" s="117" t="s">
        <v>1805</v>
      </c>
    </row>
    <row r="347" spans="2:3" x14ac:dyDescent="0.25">
      <c r="B347" s="106"/>
      <c r="C347" s="117" t="s">
        <v>1806</v>
      </c>
    </row>
    <row r="348" spans="2:3" x14ac:dyDescent="0.25">
      <c r="B348" s="106"/>
      <c r="C348" s="117" t="s">
        <v>1807</v>
      </c>
    </row>
    <row r="349" spans="2:3" x14ac:dyDescent="0.25">
      <c r="B349" s="106"/>
      <c r="C349" s="117" t="s">
        <v>1808</v>
      </c>
    </row>
    <row r="350" spans="2:3" x14ac:dyDescent="0.25">
      <c r="B350" s="106"/>
      <c r="C350" s="117" t="s">
        <v>1809</v>
      </c>
    </row>
    <row r="351" spans="2:3" x14ac:dyDescent="0.25">
      <c r="B351" s="106"/>
      <c r="C351" s="117" t="s">
        <v>1810</v>
      </c>
    </row>
    <row r="352" spans="2:3" x14ac:dyDescent="0.25">
      <c r="B352" s="106"/>
      <c r="C352" s="117" t="s">
        <v>1811</v>
      </c>
    </row>
    <row r="353" spans="2:3" x14ac:dyDescent="0.25">
      <c r="B353" s="106"/>
      <c r="C353" s="117" t="s">
        <v>1509</v>
      </c>
    </row>
    <row r="354" spans="2:3" x14ac:dyDescent="0.25">
      <c r="B354" s="106"/>
      <c r="C354" s="117" t="s">
        <v>1812</v>
      </c>
    </row>
    <row r="355" spans="2:3" x14ac:dyDescent="0.25">
      <c r="B355" s="106"/>
      <c r="C355" s="117" t="s">
        <v>1813</v>
      </c>
    </row>
    <row r="356" spans="2:3" x14ac:dyDescent="0.25">
      <c r="B356" s="106"/>
      <c r="C356" s="117" t="s">
        <v>1814</v>
      </c>
    </row>
    <row r="357" spans="2:3" x14ac:dyDescent="0.25">
      <c r="B357" s="106"/>
      <c r="C357" s="117" t="s">
        <v>1815</v>
      </c>
    </row>
    <row r="358" spans="2:3" x14ac:dyDescent="0.25">
      <c r="B358" s="106"/>
      <c r="C358" s="117" t="s">
        <v>1816</v>
      </c>
    </row>
    <row r="359" spans="2:3" ht="15.75" thickBot="1" x14ac:dyDescent="0.3">
      <c r="B359" s="108"/>
      <c r="C359" s="118" t="s">
        <v>1817</v>
      </c>
    </row>
    <row r="361" spans="2:3" ht="15.75" thickBot="1" x14ac:dyDescent="0.3"/>
    <row r="362" spans="2:3" ht="15.75" thickBot="1" x14ac:dyDescent="0.3">
      <c r="B362" s="367" t="s">
        <v>1819</v>
      </c>
      <c r="C362" s="368"/>
    </row>
    <row r="363" spans="2:3" ht="30" customHeight="1" thickBot="1" x14ac:dyDescent="0.3">
      <c r="B363" s="373" t="s">
        <v>1820</v>
      </c>
      <c r="C363" s="368"/>
    </row>
    <row r="364" spans="2:3" x14ac:dyDescent="0.25">
      <c r="B364" s="104"/>
      <c r="C364" s="116" t="s">
        <v>1821</v>
      </c>
    </row>
    <row r="365" spans="2:3" x14ac:dyDescent="0.25">
      <c r="B365" s="106"/>
      <c r="C365" s="117" t="s">
        <v>1822</v>
      </c>
    </row>
    <row r="366" spans="2:3" x14ac:dyDescent="0.25">
      <c r="B366" s="106"/>
      <c r="C366" s="117" t="s">
        <v>1823</v>
      </c>
    </row>
    <row r="367" spans="2:3" ht="15.75" thickBot="1" x14ac:dyDescent="0.3">
      <c r="B367" s="108"/>
      <c r="C367" s="118" t="s">
        <v>1824</v>
      </c>
    </row>
    <row r="369" spans="2:3" ht="15.75" thickBot="1" x14ac:dyDescent="0.3"/>
    <row r="370" spans="2:3" ht="15.75" thickBot="1" x14ac:dyDescent="0.3">
      <c r="B370" s="367" t="s">
        <v>1825</v>
      </c>
      <c r="C370" s="368"/>
    </row>
    <row r="371" spans="2:3" ht="29.25" customHeight="1" thickBot="1" x14ac:dyDescent="0.3">
      <c r="B371" s="393" t="s">
        <v>1826</v>
      </c>
      <c r="C371" s="364"/>
    </row>
    <row r="372" spans="2:3" x14ac:dyDescent="0.25">
      <c r="B372" s="104"/>
      <c r="C372" s="116" t="s">
        <v>1827</v>
      </c>
    </row>
    <row r="373" spans="2:3" x14ac:dyDescent="0.25">
      <c r="B373" s="106"/>
      <c r="C373" s="117" t="s">
        <v>1829</v>
      </c>
    </row>
    <row r="374" spans="2:3" x14ac:dyDescent="0.25">
      <c r="B374" s="106"/>
      <c r="C374" s="117" t="s">
        <v>1723</v>
      </c>
    </row>
    <row r="375" spans="2:3" x14ac:dyDescent="0.25">
      <c r="B375" s="106"/>
      <c r="C375" s="117" t="s">
        <v>1830</v>
      </c>
    </row>
    <row r="376" spans="2:3" x14ac:dyDescent="0.25">
      <c r="B376" s="106"/>
      <c r="C376" s="117" t="s">
        <v>1831</v>
      </c>
    </row>
    <row r="377" spans="2:3" x14ac:dyDescent="0.25">
      <c r="B377" s="106"/>
      <c r="C377" s="117" t="s">
        <v>1832</v>
      </c>
    </row>
    <row r="378" spans="2:3" ht="30" x14ac:dyDescent="0.25">
      <c r="B378" s="106"/>
      <c r="C378" s="119" t="s">
        <v>1833</v>
      </c>
    </row>
    <row r="379" spans="2:3" x14ac:dyDescent="0.25">
      <c r="B379" s="106"/>
      <c r="C379" s="117" t="s">
        <v>1834</v>
      </c>
    </row>
    <row r="380" spans="2:3" x14ac:dyDescent="0.25">
      <c r="B380" s="106"/>
      <c r="C380" s="117" t="s">
        <v>1835</v>
      </c>
    </row>
    <row r="381" spans="2:3" x14ac:dyDescent="0.25">
      <c r="B381" s="106"/>
      <c r="C381" s="117" t="s">
        <v>1836</v>
      </c>
    </row>
    <row r="382" spans="2:3" x14ac:dyDescent="0.25">
      <c r="B382" s="106"/>
      <c r="C382" s="117" t="s">
        <v>1837</v>
      </c>
    </row>
    <row r="383" spans="2:3" x14ac:dyDescent="0.25">
      <c r="B383" s="106"/>
      <c r="C383" s="117" t="s">
        <v>1838</v>
      </c>
    </row>
    <row r="384" spans="2:3" x14ac:dyDescent="0.25">
      <c r="B384" s="106"/>
      <c r="C384" s="117" t="s">
        <v>1724</v>
      </c>
    </row>
    <row r="385" spans="2:3" x14ac:dyDescent="0.25">
      <c r="B385" s="106"/>
      <c r="C385" s="117" t="s">
        <v>1839</v>
      </c>
    </row>
    <row r="386" spans="2:3" x14ac:dyDescent="0.25">
      <c r="B386" s="106"/>
      <c r="C386" s="117" t="s">
        <v>1840</v>
      </c>
    </row>
    <row r="387" spans="2:3" x14ac:dyDescent="0.25">
      <c r="B387" s="106"/>
      <c r="C387" s="117" t="s">
        <v>1841</v>
      </c>
    </row>
    <row r="388" spans="2:3" x14ac:dyDescent="0.25">
      <c r="B388" s="106"/>
      <c r="C388" s="117" t="s">
        <v>1842</v>
      </c>
    </row>
    <row r="389" spans="2:3" x14ac:dyDescent="0.25">
      <c r="B389" s="106"/>
      <c r="C389" s="117" t="s">
        <v>1843</v>
      </c>
    </row>
    <row r="390" spans="2:3" x14ac:dyDescent="0.25">
      <c r="B390" s="106"/>
      <c r="C390" s="117" t="s">
        <v>1844</v>
      </c>
    </row>
    <row r="391" spans="2:3" x14ac:dyDescent="0.25">
      <c r="B391" s="106"/>
      <c r="C391" s="117" t="s">
        <v>1845</v>
      </c>
    </row>
    <row r="392" spans="2:3" x14ac:dyDescent="0.25">
      <c r="B392" s="106"/>
      <c r="C392" s="117" t="s">
        <v>1846</v>
      </c>
    </row>
    <row r="393" spans="2:3" x14ac:dyDescent="0.25">
      <c r="B393" s="106"/>
      <c r="C393" s="117" t="s">
        <v>1847</v>
      </c>
    </row>
    <row r="394" spans="2:3" x14ac:dyDescent="0.25">
      <c r="B394" s="106"/>
      <c r="C394" s="117" t="s">
        <v>1848</v>
      </c>
    </row>
    <row r="395" spans="2:3" x14ac:dyDescent="0.25">
      <c r="B395" s="106"/>
      <c r="C395" s="117" t="s">
        <v>1849</v>
      </c>
    </row>
    <row r="396" spans="2:3" ht="15.75" thickBot="1" x14ac:dyDescent="0.3">
      <c r="B396" s="108"/>
      <c r="C396" s="118" t="s">
        <v>1850</v>
      </c>
    </row>
    <row r="398" spans="2:3" ht="15.75" thickBot="1" x14ac:dyDescent="0.3"/>
    <row r="399" spans="2:3" ht="15.75" thickBot="1" x14ac:dyDescent="0.3">
      <c r="B399" s="383" t="s">
        <v>1851</v>
      </c>
      <c r="C399" s="384"/>
    </row>
    <row r="400" spans="2:3" ht="30.75" customHeight="1" thickBot="1" x14ac:dyDescent="0.3">
      <c r="B400" s="385" t="s">
        <v>1852</v>
      </c>
      <c r="C400" s="386"/>
    </row>
    <row r="401" spans="2:3" x14ac:dyDescent="0.25">
      <c r="B401" s="96"/>
      <c r="C401" s="89" t="s">
        <v>1853</v>
      </c>
    </row>
    <row r="402" spans="2:3" x14ac:dyDescent="0.25">
      <c r="B402" s="97"/>
      <c r="C402" s="90" t="s">
        <v>1163</v>
      </c>
    </row>
    <row r="403" spans="2:3" ht="15.75" thickBot="1" x14ac:dyDescent="0.3">
      <c r="B403" s="98"/>
      <c r="C403" s="91" t="s">
        <v>1854</v>
      </c>
    </row>
    <row r="405" spans="2:3" ht="15.75" thickBot="1" x14ac:dyDescent="0.3"/>
    <row r="406" spans="2:3" ht="15.75" thickBot="1" x14ac:dyDescent="0.3">
      <c r="B406" s="383" t="s">
        <v>1855</v>
      </c>
      <c r="C406" s="384"/>
    </row>
    <row r="407" spans="2:3" ht="15.75" thickBot="1" x14ac:dyDescent="0.3">
      <c r="B407" s="385" t="s">
        <v>1856</v>
      </c>
      <c r="C407" s="386"/>
    </row>
    <row r="408" spans="2:3" x14ac:dyDescent="0.25">
      <c r="B408" s="96"/>
      <c r="C408" s="89" t="s">
        <v>1857</v>
      </c>
    </row>
    <row r="409" spans="2:3" x14ac:dyDescent="0.25">
      <c r="B409" s="97"/>
      <c r="C409" s="90" t="s">
        <v>1858</v>
      </c>
    </row>
    <row r="410" spans="2:3" x14ac:dyDescent="0.25">
      <c r="B410" s="120"/>
      <c r="C410" s="90" t="s">
        <v>1859</v>
      </c>
    </row>
    <row r="411" spans="2:3" x14ac:dyDescent="0.25">
      <c r="B411" s="97"/>
      <c r="C411" s="90" t="s">
        <v>1860</v>
      </c>
    </row>
    <row r="412" spans="2:3" x14ac:dyDescent="0.25">
      <c r="B412" s="97"/>
      <c r="C412" s="90" t="s">
        <v>1861</v>
      </c>
    </row>
    <row r="413" spans="2:3" x14ac:dyDescent="0.25">
      <c r="B413" s="97"/>
      <c r="C413" s="90" t="s">
        <v>1862</v>
      </c>
    </row>
    <row r="414" spans="2:3" x14ac:dyDescent="0.25">
      <c r="B414" s="97"/>
      <c r="C414" s="90" t="s">
        <v>1863</v>
      </c>
    </row>
    <row r="415" spans="2:3" x14ac:dyDescent="0.25">
      <c r="B415" s="97"/>
      <c r="C415" s="90" t="s">
        <v>1864</v>
      </c>
    </row>
    <row r="416" spans="2:3" x14ac:dyDescent="0.25">
      <c r="B416" s="97"/>
      <c r="C416" s="90" t="s">
        <v>1865</v>
      </c>
    </row>
    <row r="417" spans="2:3" x14ac:dyDescent="0.25">
      <c r="B417" s="97"/>
      <c r="C417" s="90" t="s">
        <v>1866</v>
      </c>
    </row>
    <row r="418" spans="2:3" x14ac:dyDescent="0.25">
      <c r="B418" s="97"/>
      <c r="C418" s="90" t="s">
        <v>1867</v>
      </c>
    </row>
    <row r="419" spans="2:3" x14ac:dyDescent="0.25">
      <c r="B419" s="97"/>
      <c r="C419" s="90" t="s">
        <v>1868</v>
      </c>
    </row>
    <row r="420" spans="2:3" x14ac:dyDescent="0.25">
      <c r="B420" s="97"/>
      <c r="C420" s="90" t="s">
        <v>1869</v>
      </c>
    </row>
    <row r="421" spans="2:3" ht="15.75" thickBot="1" x14ac:dyDescent="0.3">
      <c r="B421" s="98"/>
      <c r="C421" s="91" t="s">
        <v>1870</v>
      </c>
    </row>
    <row r="423" spans="2:3" ht="15.75" thickBot="1" x14ac:dyDescent="0.3"/>
    <row r="424" spans="2:3" ht="15.75" thickBot="1" x14ac:dyDescent="0.3">
      <c r="B424" s="367" t="s">
        <v>1871</v>
      </c>
      <c r="C424" s="368"/>
    </row>
    <row r="425" spans="2:3" ht="15.75" thickBot="1" x14ac:dyDescent="0.3">
      <c r="B425" s="367" t="s">
        <v>1883</v>
      </c>
      <c r="C425" s="368"/>
    </row>
    <row r="426" spans="2:3" x14ac:dyDescent="0.25">
      <c r="B426" s="104"/>
      <c r="C426" s="116" t="s">
        <v>1872</v>
      </c>
    </row>
    <row r="427" spans="2:3" x14ac:dyDescent="0.25">
      <c r="B427" s="106"/>
      <c r="C427" s="117" t="s">
        <v>1873</v>
      </c>
    </row>
    <row r="428" spans="2:3" x14ac:dyDescent="0.25">
      <c r="B428" s="106"/>
      <c r="C428" s="117" t="s">
        <v>1874</v>
      </c>
    </row>
    <row r="429" spans="2:3" x14ac:dyDescent="0.25">
      <c r="B429" s="106"/>
      <c r="C429" s="117" t="s">
        <v>1875</v>
      </c>
    </row>
    <row r="430" spans="2:3" x14ac:dyDescent="0.25">
      <c r="B430" s="106"/>
      <c r="C430" s="117" t="s">
        <v>1876</v>
      </c>
    </row>
    <row r="431" spans="2:3" x14ac:dyDescent="0.25">
      <c r="B431" s="106"/>
      <c r="C431" s="117" t="s">
        <v>1877</v>
      </c>
    </row>
    <row r="432" spans="2:3" x14ac:dyDescent="0.25">
      <c r="B432" s="106"/>
      <c r="C432" s="117" t="s">
        <v>1878</v>
      </c>
    </row>
    <row r="433" spans="2:3" x14ac:dyDescent="0.25">
      <c r="B433" s="106"/>
      <c r="C433" s="117" t="s">
        <v>1879</v>
      </c>
    </row>
    <row r="434" spans="2:3" x14ac:dyDescent="0.25">
      <c r="B434" s="106"/>
      <c r="C434" s="117" t="s">
        <v>1880</v>
      </c>
    </row>
    <row r="435" spans="2:3" ht="15.75" thickBot="1" x14ac:dyDescent="0.3">
      <c r="B435" s="108"/>
      <c r="C435" s="118" t="s">
        <v>1881</v>
      </c>
    </row>
    <row r="437" spans="2:3" ht="15.75" thickBot="1" x14ac:dyDescent="0.3"/>
    <row r="438" spans="2:3" ht="15.75" thickBot="1" x14ac:dyDescent="0.3">
      <c r="B438" s="367" t="s">
        <v>1882</v>
      </c>
      <c r="C438" s="368"/>
    </row>
    <row r="439" spans="2:3" ht="15.75" thickBot="1" x14ac:dyDescent="0.3">
      <c r="B439" s="367" t="s">
        <v>1892</v>
      </c>
      <c r="C439" s="368"/>
    </row>
    <row r="440" spans="2:3" x14ac:dyDescent="0.25">
      <c r="B440" s="104"/>
      <c r="C440" s="116" t="s">
        <v>1884</v>
      </c>
    </row>
    <row r="441" spans="2:3" x14ac:dyDescent="0.25">
      <c r="B441" s="106"/>
      <c r="C441" s="117" t="s">
        <v>1885</v>
      </c>
    </row>
    <row r="442" spans="2:3" x14ac:dyDescent="0.25">
      <c r="B442" s="106"/>
      <c r="C442" s="117" t="s">
        <v>1886</v>
      </c>
    </row>
    <row r="443" spans="2:3" x14ac:dyDescent="0.25">
      <c r="B443" s="106"/>
      <c r="C443" s="117" t="s">
        <v>1887</v>
      </c>
    </row>
    <row r="444" spans="2:3" x14ac:dyDescent="0.25">
      <c r="B444" s="106"/>
      <c r="C444" s="117" t="s">
        <v>1888</v>
      </c>
    </row>
    <row r="445" spans="2:3" x14ac:dyDescent="0.25">
      <c r="B445" s="106"/>
      <c r="C445" s="117" t="s">
        <v>1889</v>
      </c>
    </row>
    <row r="446" spans="2:3" x14ac:dyDescent="0.25">
      <c r="B446" s="106"/>
      <c r="C446" s="117" t="s">
        <v>1890</v>
      </c>
    </row>
    <row r="447" spans="2:3" ht="15.75" thickBot="1" x14ac:dyDescent="0.3">
      <c r="B447" s="108"/>
      <c r="C447" s="118" t="s">
        <v>1891</v>
      </c>
    </row>
    <row r="449" spans="2:3" ht="15.75" thickBot="1" x14ac:dyDescent="0.3"/>
    <row r="450" spans="2:3" ht="15.75" thickBot="1" x14ac:dyDescent="0.3">
      <c r="B450" s="363" t="s">
        <v>1893</v>
      </c>
      <c r="C450" s="364"/>
    </row>
    <row r="451" spans="2:3" ht="15.75" thickBot="1" x14ac:dyDescent="0.3">
      <c r="B451" s="375" t="s">
        <v>1894</v>
      </c>
      <c r="C451" s="376"/>
    </row>
    <row r="452" spans="2:3" x14ac:dyDescent="0.25">
      <c r="B452" s="121"/>
      <c r="C452" s="117" t="s">
        <v>1509</v>
      </c>
    </row>
    <row r="453" spans="2:3" x14ac:dyDescent="0.25">
      <c r="B453" s="106"/>
      <c r="C453" s="117" t="s">
        <v>1895</v>
      </c>
    </row>
    <row r="454" spans="2:3" x14ac:dyDescent="0.25">
      <c r="B454" s="106"/>
      <c r="C454" s="117" t="s">
        <v>1896</v>
      </c>
    </row>
    <row r="455" spans="2:3" x14ac:dyDescent="0.25">
      <c r="B455" s="106"/>
      <c r="C455" s="117" t="s">
        <v>1813</v>
      </c>
    </row>
    <row r="456" spans="2:3" x14ac:dyDescent="0.25">
      <c r="B456" s="106"/>
      <c r="C456" s="117" t="s">
        <v>1897</v>
      </c>
    </row>
    <row r="457" spans="2:3" ht="15.75" thickBot="1" x14ac:dyDescent="0.3">
      <c r="B457" s="108"/>
      <c r="C457" s="118" t="s">
        <v>1898</v>
      </c>
    </row>
    <row r="459" spans="2:3" ht="15.75" thickBot="1" x14ac:dyDescent="0.3"/>
    <row r="460" spans="2:3" ht="15.75" thickBot="1" x14ac:dyDescent="0.3">
      <c r="B460" s="367" t="s">
        <v>1899</v>
      </c>
      <c r="C460" s="368"/>
    </row>
    <row r="461" spans="2:3" ht="15.75" thickBot="1" x14ac:dyDescent="0.3">
      <c r="B461" s="367" t="s">
        <v>1900</v>
      </c>
      <c r="C461" s="368"/>
    </row>
    <row r="462" spans="2:3" x14ac:dyDescent="0.25">
      <c r="B462" s="122"/>
      <c r="C462" s="123" t="s">
        <v>1901</v>
      </c>
    </row>
    <row r="463" spans="2:3" x14ac:dyDescent="0.25">
      <c r="B463" s="124"/>
      <c r="C463" s="123" t="s">
        <v>1902</v>
      </c>
    </row>
    <row r="464" spans="2:3" x14ac:dyDescent="0.25">
      <c r="B464" s="124"/>
      <c r="C464" s="123" t="s">
        <v>1903</v>
      </c>
    </row>
    <row r="465" spans="2:3" x14ac:dyDescent="0.25">
      <c r="B465" s="124"/>
      <c r="C465" s="123" t="s">
        <v>1904</v>
      </c>
    </row>
    <row r="466" spans="2:3" x14ac:dyDescent="0.25">
      <c r="B466" s="124"/>
      <c r="C466" s="123" t="s">
        <v>1905</v>
      </c>
    </row>
    <row r="467" spans="2:3" x14ac:dyDescent="0.25">
      <c r="B467" s="124"/>
      <c r="C467" s="123" t="s">
        <v>1906</v>
      </c>
    </row>
    <row r="468" spans="2:3" x14ac:dyDescent="0.25">
      <c r="B468" s="124"/>
      <c r="C468" s="123" t="s">
        <v>1907</v>
      </c>
    </row>
    <row r="469" spans="2:3" x14ac:dyDescent="0.25">
      <c r="B469" s="124"/>
      <c r="C469" s="123" t="s">
        <v>1908</v>
      </c>
    </row>
    <row r="470" spans="2:3" x14ac:dyDescent="0.25">
      <c r="B470" s="124"/>
      <c r="C470" s="123" t="s">
        <v>1909</v>
      </c>
    </row>
    <row r="471" spans="2:3" x14ac:dyDescent="0.25">
      <c r="B471" s="124"/>
      <c r="C471" s="123" t="s">
        <v>1910</v>
      </c>
    </row>
    <row r="472" spans="2:3" x14ac:dyDescent="0.25">
      <c r="B472" s="124"/>
      <c r="C472" s="123" t="s">
        <v>1911</v>
      </c>
    </row>
    <row r="473" spans="2:3" x14ac:dyDescent="0.25">
      <c r="B473" s="124"/>
      <c r="C473" s="123" t="s">
        <v>1411</v>
      </c>
    </row>
    <row r="474" spans="2:3" x14ac:dyDescent="0.25">
      <c r="B474" s="124"/>
      <c r="C474" s="123" t="s">
        <v>1912</v>
      </c>
    </row>
    <row r="475" spans="2:3" x14ac:dyDescent="0.25">
      <c r="B475" s="124"/>
      <c r="C475" s="123" t="s">
        <v>1913</v>
      </c>
    </row>
    <row r="476" spans="2:3" x14ac:dyDescent="0.25">
      <c r="B476" s="124"/>
      <c r="C476" s="122" t="s">
        <v>1914</v>
      </c>
    </row>
    <row r="478" spans="2:3" ht="15.75" thickBot="1" x14ac:dyDescent="0.3"/>
    <row r="479" spans="2:3" ht="15.75" thickBot="1" x14ac:dyDescent="0.3">
      <c r="B479" s="367" t="s">
        <v>1915</v>
      </c>
      <c r="C479" s="368"/>
    </row>
    <row r="480" spans="2:3" ht="15.75" thickBot="1" x14ac:dyDescent="0.3">
      <c r="B480" s="367" t="s">
        <v>1916</v>
      </c>
      <c r="C480" s="368"/>
    </row>
    <row r="481" spans="2:3" x14ac:dyDescent="0.25">
      <c r="B481" s="122"/>
      <c r="C481" s="122" t="s">
        <v>1917</v>
      </c>
    </row>
    <row r="482" spans="2:3" x14ac:dyDescent="0.25">
      <c r="B482" s="124"/>
      <c r="C482" s="124" t="s">
        <v>1918</v>
      </c>
    </row>
    <row r="484" spans="2:3" ht="15.75" thickBot="1" x14ac:dyDescent="0.3"/>
    <row r="485" spans="2:3" ht="15.75" thickBot="1" x14ac:dyDescent="0.3">
      <c r="B485" s="367" t="s">
        <v>1919</v>
      </c>
      <c r="C485" s="368"/>
    </row>
    <row r="486" spans="2:3" ht="15.75" thickBot="1" x14ac:dyDescent="0.3">
      <c r="B486" s="367" t="s">
        <v>1920</v>
      </c>
      <c r="C486" s="368"/>
    </row>
    <row r="487" spans="2:3" x14ac:dyDescent="0.25">
      <c r="B487" s="122"/>
      <c r="C487" s="122" t="s">
        <v>1921</v>
      </c>
    </row>
    <row r="488" spans="2:3" x14ac:dyDescent="0.25">
      <c r="B488" s="124"/>
      <c r="C488" s="124" t="s">
        <v>1922</v>
      </c>
    </row>
    <row r="489" spans="2:3" x14ac:dyDescent="0.25">
      <c r="B489" s="124"/>
      <c r="C489" s="124" t="s">
        <v>1923</v>
      </c>
    </row>
    <row r="491" spans="2:3" ht="15.75" thickBot="1" x14ac:dyDescent="0.3"/>
    <row r="492" spans="2:3" ht="15.75" thickBot="1" x14ac:dyDescent="0.3">
      <c r="B492" s="363" t="s">
        <v>1943</v>
      </c>
      <c r="C492" s="364"/>
    </row>
    <row r="493" spans="2:3" ht="15.75" thickBot="1" x14ac:dyDescent="0.3">
      <c r="B493" s="367" t="s">
        <v>1931</v>
      </c>
      <c r="C493" s="368"/>
    </row>
    <row r="494" spans="2:3" x14ac:dyDescent="0.25">
      <c r="B494" s="122"/>
      <c r="C494" s="122" t="s">
        <v>1924</v>
      </c>
    </row>
    <row r="495" spans="2:3" x14ac:dyDescent="0.25">
      <c r="B495" s="124"/>
      <c r="C495" s="125" t="s">
        <v>1925</v>
      </c>
    </row>
    <row r="496" spans="2:3" x14ac:dyDescent="0.25">
      <c r="B496" s="124"/>
      <c r="C496" s="125" t="s">
        <v>1926</v>
      </c>
    </row>
    <row r="497" spans="2:3" x14ac:dyDescent="0.25">
      <c r="B497" s="124"/>
      <c r="C497" s="125" t="s">
        <v>1927</v>
      </c>
    </row>
    <row r="498" spans="2:3" x14ac:dyDescent="0.25">
      <c r="B498" s="124"/>
      <c r="C498" s="125" t="s">
        <v>1928</v>
      </c>
    </row>
    <row r="499" spans="2:3" x14ac:dyDescent="0.25">
      <c r="B499" s="124"/>
      <c r="C499" s="125" t="s">
        <v>1929</v>
      </c>
    </row>
    <row r="500" spans="2:3" x14ac:dyDescent="0.25">
      <c r="B500" s="124"/>
      <c r="C500" s="125" t="s">
        <v>1930</v>
      </c>
    </row>
    <row r="502" spans="2:3" ht="15.75" thickBot="1" x14ac:dyDescent="0.3"/>
    <row r="503" spans="2:3" ht="15.75" thickBot="1" x14ac:dyDescent="0.3">
      <c r="B503" s="367" t="s">
        <v>1932</v>
      </c>
      <c r="C503" s="368"/>
    </row>
    <row r="504" spans="2:3" ht="15.75" thickBot="1" x14ac:dyDescent="0.3">
      <c r="B504" s="367" t="s">
        <v>1933</v>
      </c>
      <c r="C504" s="368"/>
    </row>
    <row r="505" spans="2:3" x14ac:dyDescent="0.25">
      <c r="B505" s="122"/>
      <c r="C505" s="122" t="s">
        <v>1934</v>
      </c>
    </row>
    <row r="506" spans="2:3" x14ac:dyDescent="0.25">
      <c r="B506" s="124"/>
      <c r="C506" s="124" t="s">
        <v>1935</v>
      </c>
    </row>
    <row r="507" spans="2:3" x14ac:dyDescent="0.25">
      <c r="B507" s="124"/>
      <c r="C507" s="124" t="s">
        <v>1936</v>
      </c>
    </row>
    <row r="508" spans="2:3" x14ac:dyDescent="0.25">
      <c r="B508" s="124"/>
      <c r="C508" s="124" t="s">
        <v>1937</v>
      </c>
    </row>
    <row r="509" spans="2:3" x14ac:dyDescent="0.25">
      <c r="B509" s="124"/>
      <c r="C509" s="124" t="s">
        <v>1938</v>
      </c>
    </row>
    <row r="510" spans="2:3" x14ac:dyDescent="0.25">
      <c r="B510" s="124"/>
      <c r="C510" s="124" t="s">
        <v>1939</v>
      </c>
    </row>
    <row r="511" spans="2:3" x14ac:dyDescent="0.25">
      <c r="B511" s="124"/>
      <c r="C511" s="124" t="s">
        <v>1940</v>
      </c>
    </row>
    <row r="512" spans="2:3" x14ac:dyDescent="0.25">
      <c r="B512" s="124"/>
      <c r="C512" s="124" t="s">
        <v>1941</v>
      </c>
    </row>
    <row r="513" spans="2:3" x14ac:dyDescent="0.25">
      <c r="B513" s="124"/>
      <c r="C513" s="124" t="s">
        <v>1942</v>
      </c>
    </row>
    <row r="515" spans="2:3" ht="15.75" thickBot="1" x14ac:dyDescent="0.3"/>
    <row r="516" spans="2:3" ht="15.75" thickBot="1" x14ac:dyDescent="0.3">
      <c r="B516" s="367" t="s">
        <v>1944</v>
      </c>
      <c r="C516" s="368"/>
    </row>
    <row r="517" spans="2:3" ht="15.75" thickBot="1" x14ac:dyDescent="0.3">
      <c r="B517" s="367" t="s">
        <v>1945</v>
      </c>
      <c r="C517" s="368"/>
    </row>
    <row r="518" spans="2:3" x14ac:dyDescent="0.25">
      <c r="B518" s="122"/>
      <c r="C518" s="122" t="s">
        <v>1946</v>
      </c>
    </row>
    <row r="520" spans="2:3" ht="15.75" thickBot="1" x14ac:dyDescent="0.3"/>
    <row r="521" spans="2:3" ht="15.75" thickBot="1" x14ac:dyDescent="0.3">
      <c r="B521" s="375" t="s">
        <v>1948</v>
      </c>
      <c r="C521" s="376"/>
    </row>
    <row r="522" spans="2:3" ht="43.5" customHeight="1" thickBot="1" x14ac:dyDescent="0.3">
      <c r="B522" s="377" t="s">
        <v>1947</v>
      </c>
      <c r="C522" s="378"/>
    </row>
    <row r="523" spans="2:3" x14ac:dyDescent="0.25">
      <c r="B523" s="122"/>
      <c r="C523" s="122" t="s">
        <v>1949</v>
      </c>
    </row>
    <row r="524" spans="2:3" x14ac:dyDescent="0.25">
      <c r="B524" s="124"/>
      <c r="C524" s="124" t="s">
        <v>1950</v>
      </c>
    </row>
    <row r="525" spans="2:3" x14ac:dyDescent="0.25">
      <c r="B525" s="124"/>
      <c r="C525" s="124" t="s">
        <v>1951</v>
      </c>
    </row>
    <row r="526" spans="2:3" x14ac:dyDescent="0.25">
      <c r="B526" s="124"/>
      <c r="C526" s="124" t="s">
        <v>1952</v>
      </c>
    </row>
    <row r="527" spans="2:3" x14ac:dyDescent="0.25">
      <c r="B527" s="124"/>
      <c r="C527" s="124" t="s">
        <v>1953</v>
      </c>
    </row>
    <row r="528" spans="2:3" x14ac:dyDescent="0.25">
      <c r="B528" s="124"/>
      <c r="C528" s="124" t="s">
        <v>1954</v>
      </c>
    </row>
    <row r="529" spans="2:3" x14ac:dyDescent="0.25">
      <c r="B529" s="124"/>
      <c r="C529" s="124" t="s">
        <v>1955</v>
      </c>
    </row>
    <row r="530" spans="2:3" x14ac:dyDescent="0.25">
      <c r="B530" s="124"/>
      <c r="C530" s="124" t="s">
        <v>1956</v>
      </c>
    </row>
    <row r="531" spans="2:3" x14ac:dyDescent="0.25">
      <c r="B531" s="124"/>
      <c r="C531" s="124" t="s">
        <v>1957</v>
      </c>
    </row>
    <row r="532" spans="2:3" x14ac:dyDescent="0.25">
      <c r="B532" s="124"/>
      <c r="C532" s="124" t="s">
        <v>1958</v>
      </c>
    </row>
    <row r="533" spans="2:3" x14ac:dyDescent="0.25">
      <c r="B533" s="124"/>
      <c r="C533" s="124" t="s">
        <v>1959</v>
      </c>
    </row>
    <row r="534" spans="2:3" x14ac:dyDescent="0.25">
      <c r="B534" s="124"/>
      <c r="C534" s="124" t="s">
        <v>1960</v>
      </c>
    </row>
    <row r="535" spans="2:3" x14ac:dyDescent="0.25">
      <c r="B535" s="124"/>
      <c r="C535" s="124" t="s">
        <v>1261</v>
      </c>
    </row>
    <row r="536" spans="2:3" x14ac:dyDescent="0.25">
      <c r="B536" s="124"/>
      <c r="C536" s="124" t="s">
        <v>1961</v>
      </c>
    </row>
    <row r="537" spans="2:3" x14ac:dyDescent="0.25">
      <c r="B537" s="124"/>
      <c r="C537" s="124" t="s">
        <v>1962</v>
      </c>
    </row>
    <row r="538" spans="2:3" x14ac:dyDescent="0.25">
      <c r="B538" s="124"/>
      <c r="C538" s="124" t="s">
        <v>1963</v>
      </c>
    </row>
    <row r="539" spans="2:3" x14ac:dyDescent="0.25">
      <c r="B539" s="124"/>
      <c r="C539" s="124" t="s">
        <v>1281</v>
      </c>
    </row>
    <row r="540" spans="2:3" x14ac:dyDescent="0.25">
      <c r="B540" s="124"/>
      <c r="C540" s="124" t="s">
        <v>1964</v>
      </c>
    </row>
    <row r="541" spans="2:3" x14ac:dyDescent="0.25">
      <c r="B541" s="124"/>
      <c r="C541" s="124" t="s">
        <v>1965</v>
      </c>
    </row>
    <row r="542" spans="2:3" x14ac:dyDescent="0.25">
      <c r="B542" s="124"/>
      <c r="C542" s="124" t="s">
        <v>1966</v>
      </c>
    </row>
    <row r="543" spans="2:3" x14ac:dyDescent="0.25">
      <c r="B543" s="124"/>
      <c r="C543" s="124" t="s">
        <v>1967</v>
      </c>
    </row>
    <row r="544" spans="2:3" x14ac:dyDescent="0.25">
      <c r="B544" s="124"/>
      <c r="C544" s="124" t="s">
        <v>1968</v>
      </c>
    </row>
    <row r="545" spans="2:3" x14ac:dyDescent="0.25">
      <c r="B545" s="124"/>
      <c r="C545" s="124" t="s">
        <v>1969</v>
      </c>
    </row>
    <row r="546" spans="2:3" x14ac:dyDescent="0.25">
      <c r="B546" s="124"/>
      <c r="C546" s="124" t="s">
        <v>1970</v>
      </c>
    </row>
    <row r="547" spans="2:3" x14ac:dyDescent="0.25">
      <c r="B547" s="124"/>
      <c r="C547" s="124" t="s">
        <v>1971</v>
      </c>
    </row>
    <row r="548" spans="2:3" x14ac:dyDescent="0.25">
      <c r="B548" s="124"/>
      <c r="C548" s="124" t="s">
        <v>1972</v>
      </c>
    </row>
    <row r="549" spans="2:3" x14ac:dyDescent="0.25">
      <c r="B549" s="124"/>
      <c r="C549" s="124" t="s">
        <v>454</v>
      </c>
    </row>
    <row r="550" spans="2:3" x14ac:dyDescent="0.25">
      <c r="B550" s="124"/>
      <c r="C550" s="124" t="s">
        <v>1973</v>
      </c>
    </row>
    <row r="551" spans="2:3" x14ac:dyDescent="0.25">
      <c r="B551" s="124"/>
      <c r="C551" s="124" t="s">
        <v>1974</v>
      </c>
    </row>
    <row r="553" spans="2:3" ht="15.75" thickBot="1" x14ac:dyDescent="0.3"/>
    <row r="554" spans="2:3" ht="15.75" thickBot="1" x14ac:dyDescent="0.3">
      <c r="B554" s="375" t="s">
        <v>1975</v>
      </c>
      <c r="C554" s="376"/>
    </row>
    <row r="555" spans="2:3" ht="39" customHeight="1" thickBot="1" x14ac:dyDescent="0.3">
      <c r="B555" s="373" t="s">
        <v>1976</v>
      </c>
      <c r="C555" s="374"/>
    </row>
    <row r="556" spans="2:3" ht="15.75" x14ac:dyDescent="0.25">
      <c r="B556" s="122"/>
      <c r="C556" s="127" t="s">
        <v>1980</v>
      </c>
    </row>
    <row r="557" spans="2:3" ht="15.75" x14ac:dyDescent="0.25">
      <c r="B557" s="124"/>
      <c r="C557" s="126" t="s">
        <v>1981</v>
      </c>
    </row>
    <row r="558" spans="2:3" ht="15.75" x14ac:dyDescent="0.25">
      <c r="B558" s="124"/>
      <c r="C558" s="126" t="s">
        <v>1982</v>
      </c>
    </row>
    <row r="559" spans="2:3" ht="15.75" x14ac:dyDescent="0.25">
      <c r="B559" s="124"/>
      <c r="C559" s="126" t="s">
        <v>1983</v>
      </c>
    </row>
    <row r="560" spans="2:3" ht="15.75" x14ac:dyDescent="0.25">
      <c r="B560" s="124"/>
      <c r="C560" s="126" t="s">
        <v>1984</v>
      </c>
    </row>
    <row r="561" spans="2:3" ht="15.75" x14ac:dyDescent="0.25">
      <c r="B561" s="124"/>
      <c r="C561" s="126" t="s">
        <v>1985</v>
      </c>
    </row>
    <row r="562" spans="2:3" ht="15.75" x14ac:dyDescent="0.25">
      <c r="B562" s="124"/>
      <c r="C562" s="126" t="s">
        <v>1986</v>
      </c>
    </row>
    <row r="563" spans="2:3" ht="15.75" x14ac:dyDescent="0.25">
      <c r="B563" s="124"/>
      <c r="C563" s="126" t="s">
        <v>1987</v>
      </c>
    </row>
    <row r="564" spans="2:3" ht="15.75" x14ac:dyDescent="0.25">
      <c r="B564" s="124"/>
      <c r="C564" s="126" t="s">
        <v>1988</v>
      </c>
    </row>
    <row r="565" spans="2:3" ht="15.75" x14ac:dyDescent="0.25">
      <c r="B565" s="124"/>
      <c r="C565" s="126" t="s">
        <v>1989</v>
      </c>
    </row>
    <row r="566" spans="2:3" ht="15.75" x14ac:dyDescent="0.25">
      <c r="B566" s="124"/>
      <c r="C566" s="126" t="s">
        <v>1990</v>
      </c>
    </row>
    <row r="567" spans="2:3" ht="15.75" x14ac:dyDescent="0.25">
      <c r="B567" s="124"/>
      <c r="C567" s="126" t="s">
        <v>1991</v>
      </c>
    </row>
    <row r="568" spans="2:3" ht="15.75" x14ac:dyDescent="0.25">
      <c r="B568" s="124"/>
      <c r="C568" s="126" t="s">
        <v>1992</v>
      </c>
    </row>
    <row r="569" spans="2:3" ht="15.75" x14ac:dyDescent="0.25">
      <c r="B569" s="124"/>
      <c r="C569" s="126" t="s">
        <v>1977</v>
      </c>
    </row>
    <row r="570" spans="2:3" ht="15.75" x14ac:dyDescent="0.25">
      <c r="B570" s="124"/>
      <c r="C570" s="126" t="s">
        <v>1978</v>
      </c>
    </row>
    <row r="571" spans="2:3" ht="15.75" x14ac:dyDescent="0.25">
      <c r="B571" s="124"/>
      <c r="C571" s="126" t="s">
        <v>1979</v>
      </c>
    </row>
    <row r="573" spans="2:3" ht="15.75" thickBot="1" x14ac:dyDescent="0.3"/>
    <row r="574" spans="2:3" ht="15.75" thickBot="1" x14ac:dyDescent="0.3">
      <c r="B574" s="367" t="s">
        <v>1994</v>
      </c>
      <c r="C574" s="368"/>
    </row>
    <row r="575" spans="2:3" ht="35.25" customHeight="1" thickBot="1" x14ac:dyDescent="0.3">
      <c r="B575" s="373" t="s">
        <v>1993</v>
      </c>
      <c r="C575" s="374"/>
    </row>
    <row r="576" spans="2:3" x14ac:dyDescent="0.25">
      <c r="B576" s="138"/>
      <c r="C576" s="122" t="s">
        <v>1980</v>
      </c>
    </row>
    <row r="577" spans="2:3" x14ac:dyDescent="0.25">
      <c r="B577" s="124"/>
      <c r="C577" s="124" t="s">
        <v>1163</v>
      </c>
    </row>
    <row r="578" spans="2:3" x14ac:dyDescent="0.25">
      <c r="B578" s="124"/>
      <c r="C578" s="124" t="s">
        <v>1995</v>
      </c>
    </row>
    <row r="579" spans="2:3" x14ac:dyDescent="0.25">
      <c r="B579" s="124"/>
      <c r="C579" s="124" t="s">
        <v>1996</v>
      </c>
    </row>
    <row r="580" spans="2:3" x14ac:dyDescent="0.25">
      <c r="B580" s="124"/>
      <c r="C580" s="124" t="s">
        <v>1997</v>
      </c>
    </row>
    <row r="581" spans="2:3" x14ac:dyDescent="0.25">
      <c r="B581" s="124"/>
      <c r="C581" s="124" t="s">
        <v>1998</v>
      </c>
    </row>
    <row r="582" spans="2:3" x14ac:dyDescent="0.25">
      <c r="B582" s="124"/>
      <c r="C582" s="124" t="s">
        <v>1999</v>
      </c>
    </row>
    <row r="583" spans="2:3" x14ac:dyDescent="0.25">
      <c r="B583" s="124"/>
      <c r="C583" s="124" t="s">
        <v>2000</v>
      </c>
    </row>
    <row r="585" spans="2:3" ht="15.75" thickBot="1" x14ac:dyDescent="0.3"/>
    <row r="586" spans="2:3" ht="15.75" thickBot="1" x14ac:dyDescent="0.3">
      <c r="B586" s="367" t="s">
        <v>2001</v>
      </c>
      <c r="C586" s="368"/>
    </row>
    <row r="587" spans="2:3" x14ac:dyDescent="0.25">
      <c r="B587" s="379" t="s">
        <v>2002</v>
      </c>
      <c r="C587" s="380"/>
    </row>
    <row r="588" spans="2:3" x14ac:dyDescent="0.25">
      <c r="B588" s="381"/>
      <c r="C588" s="382"/>
    </row>
    <row r="589" spans="2:3" x14ac:dyDescent="0.25">
      <c r="B589" s="124"/>
      <c r="C589" s="124" t="s">
        <v>2062</v>
      </c>
    </row>
    <row r="590" spans="2:3" x14ac:dyDescent="0.25">
      <c r="B590" s="124"/>
      <c r="C590" s="124" t="s">
        <v>2003</v>
      </c>
    </row>
    <row r="591" spans="2:3" x14ac:dyDescent="0.25">
      <c r="B591" s="124"/>
      <c r="C591" s="124" t="s">
        <v>2004</v>
      </c>
    </row>
    <row r="592" spans="2:3" x14ac:dyDescent="0.25">
      <c r="B592" s="124"/>
      <c r="C592" s="124" t="s">
        <v>2005</v>
      </c>
    </row>
    <row r="593" spans="2:3" x14ac:dyDescent="0.25">
      <c r="B593" s="124"/>
      <c r="C593" s="124" t="s">
        <v>2006</v>
      </c>
    </row>
    <row r="594" spans="2:3" x14ac:dyDescent="0.25">
      <c r="B594" s="124"/>
      <c r="C594" s="124" t="s">
        <v>2007</v>
      </c>
    </row>
    <row r="595" spans="2:3" x14ac:dyDescent="0.25">
      <c r="B595" s="124"/>
      <c r="C595" s="124" t="s">
        <v>2008</v>
      </c>
    </row>
    <row r="596" spans="2:3" x14ac:dyDescent="0.25">
      <c r="B596" s="124"/>
      <c r="C596" s="124" t="s">
        <v>2009</v>
      </c>
    </row>
    <row r="597" spans="2:3" x14ac:dyDescent="0.25">
      <c r="B597" s="124"/>
      <c r="C597" s="124" t="s">
        <v>2010</v>
      </c>
    </row>
    <row r="598" spans="2:3" x14ac:dyDescent="0.25">
      <c r="B598" s="124"/>
      <c r="C598" s="124" t="s">
        <v>1055</v>
      </c>
    </row>
    <row r="599" spans="2:3" x14ac:dyDescent="0.25">
      <c r="B599" s="124"/>
      <c r="C599" s="124" t="s">
        <v>2011</v>
      </c>
    </row>
    <row r="600" spans="2:3" x14ac:dyDescent="0.25">
      <c r="B600" s="124"/>
      <c r="C600" s="124" t="s">
        <v>2012</v>
      </c>
    </row>
    <row r="601" spans="2:3" x14ac:dyDescent="0.25">
      <c r="B601" s="124"/>
      <c r="C601" s="124" t="s">
        <v>2013</v>
      </c>
    </row>
    <row r="602" spans="2:3" x14ac:dyDescent="0.25">
      <c r="B602" s="124"/>
      <c r="C602" s="124" t="s">
        <v>2014</v>
      </c>
    </row>
    <row r="603" spans="2:3" x14ac:dyDescent="0.25">
      <c r="B603" s="124"/>
      <c r="C603" s="124" t="s">
        <v>2015</v>
      </c>
    </row>
    <row r="604" spans="2:3" x14ac:dyDescent="0.25">
      <c r="B604" s="124"/>
      <c r="C604" s="124" t="s">
        <v>2016</v>
      </c>
    </row>
    <row r="605" spans="2:3" x14ac:dyDescent="0.25">
      <c r="B605" s="124"/>
      <c r="C605" s="124" t="s">
        <v>2017</v>
      </c>
    </row>
    <row r="606" spans="2:3" x14ac:dyDescent="0.25">
      <c r="B606" s="124"/>
      <c r="C606" s="124" t="s">
        <v>2018</v>
      </c>
    </row>
    <row r="607" spans="2:3" x14ac:dyDescent="0.25">
      <c r="B607" s="124"/>
      <c r="C607" s="124" t="s">
        <v>2019</v>
      </c>
    </row>
    <row r="608" spans="2:3" x14ac:dyDescent="0.25">
      <c r="B608" s="124"/>
      <c r="C608" s="124" t="s">
        <v>2020</v>
      </c>
    </row>
    <row r="609" spans="2:3" x14ac:dyDescent="0.25">
      <c r="B609" s="124"/>
      <c r="C609" s="124" t="s">
        <v>2021</v>
      </c>
    </row>
    <row r="610" spans="2:3" x14ac:dyDescent="0.25">
      <c r="B610" s="124"/>
      <c r="C610" s="124" t="s">
        <v>2022</v>
      </c>
    </row>
    <row r="611" spans="2:3" x14ac:dyDescent="0.25">
      <c r="B611" s="124"/>
      <c r="C611" s="124" t="s">
        <v>2023</v>
      </c>
    </row>
    <row r="612" spans="2:3" x14ac:dyDescent="0.25">
      <c r="B612" s="124"/>
      <c r="C612" s="124" t="s">
        <v>2024</v>
      </c>
    </row>
    <row r="613" spans="2:3" ht="30" x14ac:dyDescent="0.25">
      <c r="B613" s="124"/>
      <c r="C613" s="125" t="s">
        <v>2025</v>
      </c>
    </row>
    <row r="614" spans="2:3" x14ac:dyDescent="0.25">
      <c r="B614" s="124"/>
      <c r="C614" s="124" t="s">
        <v>2026</v>
      </c>
    </row>
    <row r="615" spans="2:3" x14ac:dyDescent="0.25">
      <c r="B615" s="124"/>
      <c r="C615" s="124" t="s">
        <v>2027</v>
      </c>
    </row>
    <row r="616" spans="2:3" x14ac:dyDescent="0.25">
      <c r="B616" s="124"/>
      <c r="C616" s="124" t="s">
        <v>2028</v>
      </c>
    </row>
    <row r="617" spans="2:3" x14ac:dyDescent="0.25">
      <c r="B617" s="124"/>
      <c r="C617" s="124" t="s">
        <v>2029</v>
      </c>
    </row>
    <row r="618" spans="2:3" x14ac:dyDescent="0.25">
      <c r="B618" s="124"/>
      <c r="C618" s="124" t="s">
        <v>2030</v>
      </c>
    </row>
    <row r="619" spans="2:3" x14ac:dyDescent="0.25">
      <c r="B619" s="124"/>
      <c r="C619" s="124" t="s">
        <v>2031</v>
      </c>
    </row>
    <row r="620" spans="2:3" x14ac:dyDescent="0.25">
      <c r="B620" s="124"/>
      <c r="C620" s="124" t="s">
        <v>2032</v>
      </c>
    </row>
    <row r="621" spans="2:3" x14ac:dyDescent="0.25">
      <c r="B621" s="124"/>
      <c r="C621" s="125" t="s">
        <v>2033</v>
      </c>
    </row>
    <row r="622" spans="2:3" x14ac:dyDescent="0.25">
      <c r="B622" s="124"/>
      <c r="C622" s="124" t="s">
        <v>2034</v>
      </c>
    </row>
    <row r="623" spans="2:3" x14ac:dyDescent="0.25">
      <c r="B623" s="124"/>
      <c r="C623" s="124" t="s">
        <v>2035</v>
      </c>
    </row>
    <row r="624" spans="2:3" x14ac:dyDescent="0.25">
      <c r="B624" s="124"/>
      <c r="C624" s="124" t="s">
        <v>2036</v>
      </c>
    </row>
    <row r="625" spans="2:3" x14ac:dyDescent="0.25">
      <c r="B625" s="124"/>
      <c r="C625" s="124" t="s">
        <v>2037</v>
      </c>
    </row>
    <row r="626" spans="2:3" x14ac:dyDescent="0.25">
      <c r="B626" s="124"/>
      <c r="C626" s="124" t="s">
        <v>2038</v>
      </c>
    </row>
    <row r="627" spans="2:3" x14ac:dyDescent="0.25">
      <c r="B627" s="124"/>
      <c r="C627" s="124" t="s">
        <v>2039</v>
      </c>
    </row>
    <row r="628" spans="2:3" x14ac:dyDescent="0.25">
      <c r="B628" s="124"/>
      <c r="C628" s="124" t="s">
        <v>2040</v>
      </c>
    </row>
    <row r="629" spans="2:3" x14ac:dyDescent="0.25">
      <c r="B629" s="124"/>
      <c r="C629" s="124" t="s">
        <v>2041</v>
      </c>
    </row>
    <row r="630" spans="2:3" x14ac:dyDescent="0.25">
      <c r="B630" s="124"/>
      <c r="C630" s="124" t="s">
        <v>2042</v>
      </c>
    </row>
    <row r="631" spans="2:3" x14ac:dyDescent="0.25">
      <c r="B631" s="124"/>
      <c r="C631" s="124" t="s">
        <v>2043</v>
      </c>
    </row>
    <row r="632" spans="2:3" x14ac:dyDescent="0.25">
      <c r="B632" s="124"/>
      <c r="C632" s="124" t="s">
        <v>2044</v>
      </c>
    </row>
    <row r="633" spans="2:3" x14ac:dyDescent="0.25">
      <c r="B633" s="124"/>
      <c r="C633" s="124" t="s">
        <v>2045</v>
      </c>
    </row>
    <row r="634" spans="2:3" x14ac:dyDescent="0.25">
      <c r="B634" s="124"/>
      <c r="C634" s="124" t="s">
        <v>2046</v>
      </c>
    </row>
    <row r="635" spans="2:3" x14ac:dyDescent="0.25">
      <c r="B635" s="124"/>
      <c r="C635" s="124" t="s">
        <v>2047</v>
      </c>
    </row>
    <row r="636" spans="2:3" x14ac:dyDescent="0.25">
      <c r="B636" s="124"/>
      <c r="C636" s="124" t="s">
        <v>2048</v>
      </c>
    </row>
    <row r="637" spans="2:3" x14ac:dyDescent="0.25">
      <c r="B637" s="124"/>
      <c r="C637" s="124" t="s">
        <v>1980</v>
      </c>
    </row>
    <row r="638" spans="2:3" x14ac:dyDescent="0.25">
      <c r="B638" s="124"/>
      <c r="C638" s="124" t="s">
        <v>2049</v>
      </c>
    </row>
    <row r="639" spans="2:3" x14ac:dyDescent="0.25">
      <c r="B639" s="124"/>
      <c r="C639" s="124" t="s">
        <v>2050</v>
      </c>
    </row>
    <row r="640" spans="2:3" x14ac:dyDescent="0.25">
      <c r="B640" s="124"/>
      <c r="C640" s="124" t="s">
        <v>2051</v>
      </c>
    </row>
    <row r="641" spans="2:3" x14ac:dyDescent="0.25">
      <c r="B641" s="124"/>
      <c r="C641" s="124" t="s">
        <v>2052</v>
      </c>
    </row>
    <row r="642" spans="2:3" x14ac:dyDescent="0.25">
      <c r="B642" s="124"/>
      <c r="C642" s="124" t="s">
        <v>2053</v>
      </c>
    </row>
    <row r="643" spans="2:3" x14ac:dyDescent="0.25">
      <c r="B643" s="124"/>
      <c r="C643" s="124" t="s">
        <v>2054</v>
      </c>
    </row>
    <row r="644" spans="2:3" x14ac:dyDescent="0.25">
      <c r="B644" s="124"/>
      <c r="C644" s="125" t="s">
        <v>2055</v>
      </c>
    </row>
    <row r="645" spans="2:3" x14ac:dyDescent="0.25">
      <c r="B645" s="124"/>
      <c r="C645" s="124" t="s">
        <v>2056</v>
      </c>
    </row>
    <row r="646" spans="2:3" x14ac:dyDescent="0.25">
      <c r="B646" s="124"/>
      <c r="C646" s="124" t="s">
        <v>2057</v>
      </c>
    </row>
    <row r="647" spans="2:3" x14ac:dyDescent="0.25">
      <c r="B647" s="124"/>
      <c r="C647" s="124" t="s">
        <v>2058</v>
      </c>
    </row>
    <row r="648" spans="2:3" x14ac:dyDescent="0.25">
      <c r="B648" s="124"/>
      <c r="C648" s="124" t="s">
        <v>2059</v>
      </c>
    </row>
    <row r="649" spans="2:3" x14ac:dyDescent="0.25">
      <c r="B649" s="124"/>
      <c r="C649" s="124" t="s">
        <v>2060</v>
      </c>
    </row>
    <row r="650" spans="2:3" x14ac:dyDescent="0.25">
      <c r="B650" s="124"/>
      <c r="C650" s="124" t="s">
        <v>2061</v>
      </c>
    </row>
    <row r="652" spans="2:3" ht="15.75" thickBot="1" x14ac:dyDescent="0.3"/>
    <row r="653" spans="2:3" ht="15.75" thickBot="1" x14ac:dyDescent="0.3">
      <c r="B653" s="367" t="s">
        <v>2063</v>
      </c>
      <c r="C653" s="368"/>
    </row>
    <row r="654" spans="2:3" ht="15.75" thickBot="1" x14ac:dyDescent="0.3">
      <c r="B654" s="367" t="s">
        <v>2064</v>
      </c>
      <c r="C654" s="368"/>
    </row>
    <row r="655" spans="2:3" x14ac:dyDescent="0.25">
      <c r="B655" s="122"/>
      <c r="C655" s="122" t="s">
        <v>2065</v>
      </c>
    </row>
    <row r="656" spans="2:3" x14ac:dyDescent="0.25">
      <c r="B656" s="124"/>
      <c r="C656" s="124" t="s">
        <v>2066</v>
      </c>
    </row>
    <row r="657" spans="2:3" x14ac:dyDescent="0.25">
      <c r="B657" s="124"/>
      <c r="C657" s="124" t="s">
        <v>2067</v>
      </c>
    </row>
    <row r="658" spans="2:3" x14ac:dyDescent="0.25">
      <c r="B658" s="124"/>
      <c r="C658" s="124" t="s">
        <v>2068</v>
      </c>
    </row>
    <row r="659" spans="2:3" x14ac:dyDescent="0.25">
      <c r="B659" s="124"/>
      <c r="C659" s="124" t="s">
        <v>2069</v>
      </c>
    </row>
    <row r="660" spans="2:3" x14ac:dyDescent="0.25">
      <c r="B660" s="124"/>
      <c r="C660" s="124" t="s">
        <v>2070</v>
      </c>
    </row>
    <row r="661" spans="2:3" x14ac:dyDescent="0.25">
      <c r="B661" s="124"/>
      <c r="C661" s="124" t="s">
        <v>2071</v>
      </c>
    </row>
    <row r="663" spans="2:3" ht="15.75" thickBot="1" x14ac:dyDescent="0.3"/>
    <row r="664" spans="2:3" ht="15.75" thickBot="1" x14ac:dyDescent="0.3">
      <c r="B664" s="363" t="s">
        <v>2072</v>
      </c>
      <c r="C664" s="364"/>
    </row>
    <row r="665" spans="2:3" ht="53.25" customHeight="1" thickBot="1" x14ac:dyDescent="0.3">
      <c r="B665" s="373" t="s">
        <v>2073</v>
      </c>
      <c r="C665" s="374"/>
    </row>
    <row r="666" spans="2:3" x14ac:dyDescent="0.25">
      <c r="B666" s="122"/>
      <c r="C666" s="122" t="s">
        <v>2074</v>
      </c>
    </row>
    <row r="667" spans="2:3" x14ac:dyDescent="0.25">
      <c r="B667" s="124"/>
      <c r="C667" s="124" t="s">
        <v>2075</v>
      </c>
    </row>
    <row r="668" spans="2:3" ht="30" x14ac:dyDescent="0.25">
      <c r="B668" s="124"/>
      <c r="C668" s="125" t="s">
        <v>2076</v>
      </c>
    </row>
    <row r="669" spans="2:3" x14ac:dyDescent="0.25">
      <c r="B669" s="124"/>
      <c r="C669" s="124" t="s">
        <v>2077</v>
      </c>
    </row>
    <row r="670" spans="2:3" x14ac:dyDescent="0.25">
      <c r="B670" s="124"/>
      <c r="C670" s="124" t="s">
        <v>2078</v>
      </c>
    </row>
    <row r="671" spans="2:3" x14ac:dyDescent="0.25">
      <c r="B671" s="124"/>
      <c r="C671" s="124" t="s">
        <v>2079</v>
      </c>
    </row>
    <row r="672" spans="2:3" x14ac:dyDescent="0.25">
      <c r="B672" s="124"/>
      <c r="C672" s="124" t="s">
        <v>2080</v>
      </c>
    </row>
    <row r="673" spans="2:3" x14ac:dyDescent="0.25">
      <c r="B673" s="124"/>
      <c r="C673" s="124" t="s">
        <v>2081</v>
      </c>
    </row>
    <row r="674" spans="2:3" x14ac:dyDescent="0.25">
      <c r="B674" s="124"/>
      <c r="C674" s="124" t="s">
        <v>2082</v>
      </c>
    </row>
    <row r="675" spans="2:3" x14ac:dyDescent="0.25">
      <c r="B675" s="124"/>
      <c r="C675" s="124" t="s">
        <v>2083</v>
      </c>
    </row>
    <row r="676" spans="2:3" x14ac:dyDescent="0.25">
      <c r="B676" s="124"/>
      <c r="C676" s="124" t="s">
        <v>2084</v>
      </c>
    </row>
    <row r="677" spans="2:3" x14ac:dyDescent="0.25">
      <c r="B677" s="124"/>
      <c r="C677" s="124" t="s">
        <v>2085</v>
      </c>
    </row>
    <row r="678" spans="2:3" x14ac:dyDescent="0.25">
      <c r="B678" s="124"/>
      <c r="C678" s="124" t="s">
        <v>2086</v>
      </c>
    </row>
    <row r="679" spans="2:3" x14ac:dyDescent="0.25">
      <c r="B679" s="124"/>
      <c r="C679" s="124" t="s">
        <v>2087</v>
      </c>
    </row>
    <row r="681" spans="2:3" ht="15.75" thickBot="1" x14ac:dyDescent="0.3"/>
    <row r="682" spans="2:3" ht="15.75" thickBot="1" x14ac:dyDescent="0.3">
      <c r="B682" s="363" t="s">
        <v>2088</v>
      </c>
      <c r="C682" s="364"/>
    </row>
    <row r="683" spans="2:3" ht="36" customHeight="1" thickBot="1" x14ac:dyDescent="0.3">
      <c r="B683" s="373" t="s">
        <v>2089</v>
      </c>
      <c r="C683" s="374"/>
    </row>
    <row r="684" spans="2:3" x14ac:dyDescent="0.25">
      <c r="B684" s="122"/>
      <c r="C684" s="122" t="s">
        <v>2090</v>
      </c>
    </row>
    <row r="685" spans="2:3" x14ac:dyDescent="0.25">
      <c r="B685" s="124"/>
      <c r="C685" s="124" t="s">
        <v>2091</v>
      </c>
    </row>
    <row r="686" spans="2:3" x14ac:dyDescent="0.25">
      <c r="B686" s="124"/>
      <c r="C686" s="124" t="s">
        <v>2092</v>
      </c>
    </row>
    <row r="687" spans="2:3" x14ac:dyDescent="0.25">
      <c r="B687" s="124"/>
      <c r="C687" s="124" t="s">
        <v>2093</v>
      </c>
    </row>
    <row r="688" spans="2:3" x14ac:dyDescent="0.25">
      <c r="B688" s="124"/>
      <c r="C688" s="124" t="s">
        <v>2094</v>
      </c>
    </row>
    <row r="689" spans="2:3" x14ac:dyDescent="0.25">
      <c r="B689" s="124"/>
      <c r="C689" s="124" t="s">
        <v>2095</v>
      </c>
    </row>
    <row r="690" spans="2:3" x14ac:dyDescent="0.25">
      <c r="B690" s="124"/>
      <c r="C690" s="124" t="s">
        <v>2096</v>
      </c>
    </row>
    <row r="691" spans="2:3" x14ac:dyDescent="0.25">
      <c r="B691" s="124"/>
      <c r="C691" s="124" t="s">
        <v>2097</v>
      </c>
    </row>
    <row r="692" spans="2:3" x14ac:dyDescent="0.25">
      <c r="B692" s="124"/>
      <c r="C692" s="124" t="s">
        <v>2098</v>
      </c>
    </row>
    <row r="693" spans="2:3" x14ac:dyDescent="0.25">
      <c r="B693" s="124"/>
      <c r="C693" s="124" t="s">
        <v>2099</v>
      </c>
    </row>
    <row r="694" spans="2:3" x14ac:dyDescent="0.25">
      <c r="B694" s="124"/>
      <c r="C694" s="124" t="s">
        <v>2100</v>
      </c>
    </row>
    <row r="695" spans="2:3" x14ac:dyDescent="0.25">
      <c r="B695" s="124"/>
      <c r="C695" s="124" t="s">
        <v>2101</v>
      </c>
    </row>
    <row r="696" spans="2:3" x14ac:dyDescent="0.25">
      <c r="B696" s="124"/>
      <c r="C696" s="124" t="s">
        <v>2102</v>
      </c>
    </row>
    <row r="697" spans="2:3" x14ac:dyDescent="0.25">
      <c r="B697" s="124"/>
      <c r="C697" s="124" t="s">
        <v>2103</v>
      </c>
    </row>
    <row r="698" spans="2:3" x14ac:dyDescent="0.25">
      <c r="B698" s="124"/>
      <c r="C698" s="124" t="s">
        <v>2104</v>
      </c>
    </row>
    <row r="699" spans="2:3" x14ac:dyDescent="0.25">
      <c r="B699" s="124"/>
      <c r="C699" s="124" t="s">
        <v>2105</v>
      </c>
    </row>
    <row r="700" spans="2:3" x14ac:dyDescent="0.25">
      <c r="B700" s="124"/>
      <c r="C700" s="124" t="s">
        <v>2106</v>
      </c>
    </row>
    <row r="701" spans="2:3" x14ac:dyDescent="0.25">
      <c r="B701" s="124"/>
      <c r="C701" s="124" t="s">
        <v>2107</v>
      </c>
    </row>
    <row r="702" spans="2:3" x14ac:dyDescent="0.25">
      <c r="B702" s="124"/>
      <c r="C702" s="124" t="s">
        <v>2108</v>
      </c>
    </row>
    <row r="703" spans="2:3" x14ac:dyDescent="0.25">
      <c r="B703" s="124"/>
      <c r="C703" s="124" t="s">
        <v>2109</v>
      </c>
    </row>
    <row r="704" spans="2:3" x14ac:dyDescent="0.25">
      <c r="B704" s="124"/>
      <c r="C704" s="124" t="s">
        <v>2110</v>
      </c>
    </row>
    <row r="705" spans="2:3" x14ac:dyDescent="0.25">
      <c r="B705" s="124"/>
      <c r="C705" s="124" t="s">
        <v>1966</v>
      </c>
    </row>
    <row r="706" spans="2:3" x14ac:dyDescent="0.25">
      <c r="B706" s="124"/>
      <c r="C706" s="124" t="s">
        <v>2111</v>
      </c>
    </row>
    <row r="707" spans="2:3" x14ac:dyDescent="0.25">
      <c r="B707" s="124"/>
      <c r="C707" s="124" t="s">
        <v>2112</v>
      </c>
    </row>
    <row r="708" spans="2:3" x14ac:dyDescent="0.25">
      <c r="B708" s="124"/>
      <c r="C708" s="124" t="s">
        <v>2113</v>
      </c>
    </row>
    <row r="709" spans="2:3" x14ac:dyDescent="0.25">
      <c r="B709" s="124"/>
      <c r="C709" s="124" t="s">
        <v>2114</v>
      </c>
    </row>
    <row r="710" spans="2:3" x14ac:dyDescent="0.25">
      <c r="B710" s="124"/>
      <c r="C710" s="124" t="s">
        <v>2115</v>
      </c>
    </row>
    <row r="711" spans="2:3" x14ac:dyDescent="0.25">
      <c r="B711" s="124"/>
      <c r="C711" s="124" t="s">
        <v>2116</v>
      </c>
    </row>
    <row r="712" spans="2:3" x14ac:dyDescent="0.25">
      <c r="B712" s="124"/>
      <c r="C712" s="124" t="s">
        <v>2117</v>
      </c>
    </row>
    <row r="713" spans="2:3" x14ac:dyDescent="0.25">
      <c r="B713" s="124"/>
      <c r="C713" s="124" t="s">
        <v>2118</v>
      </c>
    </row>
    <row r="714" spans="2:3" x14ac:dyDescent="0.25">
      <c r="B714" s="124"/>
      <c r="C714" s="124" t="s">
        <v>2119</v>
      </c>
    </row>
    <row r="715" spans="2:3" x14ac:dyDescent="0.25">
      <c r="B715" s="124"/>
      <c r="C715" s="124" t="s">
        <v>2120</v>
      </c>
    </row>
    <row r="717" spans="2:3" ht="15.75" thickBot="1" x14ac:dyDescent="0.3"/>
    <row r="718" spans="2:3" ht="15.75" thickBot="1" x14ac:dyDescent="0.3">
      <c r="B718" s="367" t="s">
        <v>2121</v>
      </c>
      <c r="C718" s="368"/>
    </row>
    <row r="719" spans="2:3" ht="38.25" customHeight="1" thickBot="1" x14ac:dyDescent="0.3">
      <c r="B719" s="373" t="s">
        <v>2122</v>
      </c>
      <c r="C719" s="374"/>
    </row>
    <row r="720" spans="2:3" x14ac:dyDescent="0.25">
      <c r="B720" s="122"/>
      <c r="C720" s="122" t="s">
        <v>2123</v>
      </c>
    </row>
    <row r="721" spans="2:3" x14ac:dyDescent="0.25">
      <c r="B721" s="124"/>
      <c r="C721" s="124" t="s">
        <v>2124</v>
      </c>
    </row>
    <row r="722" spans="2:3" x14ac:dyDescent="0.25">
      <c r="B722" s="124"/>
      <c r="C722" s="124" t="s">
        <v>2125</v>
      </c>
    </row>
    <row r="723" spans="2:3" x14ac:dyDescent="0.25">
      <c r="B723" s="124"/>
      <c r="C723" s="124" t="s">
        <v>2126</v>
      </c>
    </row>
    <row r="724" spans="2:3" x14ac:dyDescent="0.25">
      <c r="B724" s="124"/>
      <c r="C724" s="124" t="s">
        <v>2127</v>
      </c>
    </row>
    <row r="726" spans="2:3" ht="15.75" thickBot="1" x14ac:dyDescent="0.3"/>
    <row r="727" spans="2:3" ht="15.75" thickBot="1" x14ac:dyDescent="0.3">
      <c r="B727" s="373" t="s">
        <v>2128</v>
      </c>
      <c r="C727" s="374"/>
    </row>
    <row r="728" spans="2:3" ht="45" customHeight="1" thickBot="1" x14ac:dyDescent="0.3">
      <c r="B728" s="373" t="s">
        <v>2129</v>
      </c>
      <c r="C728" s="374"/>
    </row>
    <row r="729" spans="2:3" x14ac:dyDescent="0.25">
      <c r="B729" s="122"/>
      <c r="C729" s="131" t="s">
        <v>2130</v>
      </c>
    </row>
    <row r="730" spans="2:3" x14ac:dyDescent="0.25">
      <c r="B730" s="124"/>
      <c r="C730" s="129" t="s">
        <v>2131</v>
      </c>
    </row>
    <row r="731" spans="2:3" x14ac:dyDescent="0.25">
      <c r="B731" s="124"/>
      <c r="C731" s="129" t="s">
        <v>2132</v>
      </c>
    </row>
    <row r="732" spans="2:3" x14ac:dyDescent="0.25">
      <c r="B732" s="124"/>
      <c r="C732" s="129" t="s">
        <v>2079</v>
      </c>
    </row>
    <row r="734" spans="2:3" ht="15.75" thickBot="1" x14ac:dyDescent="0.3"/>
    <row r="735" spans="2:3" ht="15.75" thickBot="1" x14ac:dyDescent="0.3">
      <c r="B735" s="180" t="s">
        <v>2134</v>
      </c>
      <c r="C735" s="182"/>
    </row>
    <row r="736" spans="2:3" ht="15.75" thickBot="1" x14ac:dyDescent="0.3">
      <c r="B736" s="367" t="s">
        <v>2133</v>
      </c>
      <c r="C736" s="368"/>
    </row>
    <row r="737" spans="2:3" x14ac:dyDescent="0.25">
      <c r="B737" s="122"/>
      <c r="C737" s="131" t="s">
        <v>2135</v>
      </c>
    </row>
    <row r="738" spans="2:3" x14ac:dyDescent="0.25">
      <c r="B738" s="124"/>
      <c r="C738" s="128" t="s">
        <v>2136</v>
      </c>
    </row>
    <row r="739" spans="2:3" ht="30" x14ac:dyDescent="0.25">
      <c r="B739" s="124"/>
      <c r="C739" s="128" t="s">
        <v>2137</v>
      </c>
    </row>
    <row r="740" spans="2:3" x14ac:dyDescent="0.25">
      <c r="B740" s="124"/>
      <c r="C740" s="128" t="s">
        <v>2138</v>
      </c>
    </row>
    <row r="741" spans="2:3" x14ac:dyDescent="0.25">
      <c r="B741" s="124"/>
      <c r="C741" s="128" t="s">
        <v>2139</v>
      </c>
    </row>
    <row r="742" spans="2:3" ht="30" x14ac:dyDescent="0.25">
      <c r="B742" s="124"/>
      <c r="C742" s="128" t="s">
        <v>2140</v>
      </c>
    </row>
    <row r="743" spans="2:3" x14ac:dyDescent="0.25">
      <c r="B743" s="124"/>
      <c r="C743" s="128" t="s">
        <v>2141</v>
      </c>
    </row>
    <row r="744" spans="2:3" x14ac:dyDescent="0.25">
      <c r="B744" s="124"/>
      <c r="C744" s="128" t="s">
        <v>2041</v>
      </c>
    </row>
    <row r="745" spans="2:3" x14ac:dyDescent="0.25">
      <c r="B745" s="124"/>
      <c r="C745" s="128" t="s">
        <v>2142</v>
      </c>
    </row>
    <row r="746" spans="2:3" x14ac:dyDescent="0.25">
      <c r="B746" s="124"/>
      <c r="C746" s="128" t="s">
        <v>2143</v>
      </c>
    </row>
    <row r="747" spans="2:3" x14ac:dyDescent="0.25">
      <c r="B747" s="124"/>
      <c r="C747" s="128" t="s">
        <v>2144</v>
      </c>
    </row>
    <row r="748" spans="2:3" x14ac:dyDescent="0.25">
      <c r="B748" s="124"/>
      <c r="C748" s="128" t="s">
        <v>2145</v>
      </c>
    </row>
    <row r="749" spans="2:3" x14ac:dyDescent="0.25">
      <c r="B749" s="124"/>
      <c r="C749" s="128" t="s">
        <v>1163</v>
      </c>
    </row>
    <row r="750" spans="2:3" x14ac:dyDescent="0.25">
      <c r="B750" s="124"/>
      <c r="C750" s="128" t="s">
        <v>2146</v>
      </c>
    </row>
    <row r="751" spans="2:3" x14ac:dyDescent="0.25">
      <c r="B751" s="124"/>
      <c r="C751" s="128" t="s">
        <v>2147</v>
      </c>
    </row>
    <row r="752" spans="2:3" x14ac:dyDescent="0.25">
      <c r="B752" s="124"/>
      <c r="C752" s="128" t="s">
        <v>2148</v>
      </c>
    </row>
    <row r="753" spans="2:3" x14ac:dyDescent="0.25">
      <c r="B753" s="124"/>
      <c r="C753" s="128" t="s">
        <v>2149</v>
      </c>
    </row>
    <row r="754" spans="2:3" x14ac:dyDescent="0.25">
      <c r="C754" s="130"/>
    </row>
    <row r="755" spans="2:3" ht="15.75" thickBot="1" x14ac:dyDescent="0.3">
      <c r="C755" s="130"/>
    </row>
    <row r="756" spans="2:3" x14ac:dyDescent="0.25">
      <c r="B756" s="104"/>
      <c r="C756" s="137" t="s">
        <v>2150</v>
      </c>
    </row>
    <row r="757" spans="2:3" ht="15.75" thickBot="1" x14ac:dyDescent="0.3">
      <c r="B757" s="108"/>
      <c r="C757" s="136" t="s">
        <v>2151</v>
      </c>
    </row>
    <row r="758" spans="2:3" x14ac:dyDescent="0.25">
      <c r="B758" s="122"/>
      <c r="C758" s="131" t="s">
        <v>2152</v>
      </c>
    </row>
    <row r="759" spans="2:3" x14ac:dyDescent="0.25">
      <c r="B759" s="124"/>
      <c r="C759" s="128" t="s">
        <v>2153</v>
      </c>
    </row>
    <row r="760" spans="2:3" x14ac:dyDescent="0.25">
      <c r="B760" s="124"/>
      <c r="C760" s="128" t="s">
        <v>2154</v>
      </c>
    </row>
    <row r="761" spans="2:3" x14ac:dyDescent="0.25">
      <c r="B761" s="124"/>
      <c r="C761" s="128" t="s">
        <v>2155</v>
      </c>
    </row>
    <row r="762" spans="2:3" x14ac:dyDescent="0.25">
      <c r="B762" s="124"/>
      <c r="C762" s="128" t="s">
        <v>2156</v>
      </c>
    </row>
    <row r="763" spans="2:3" x14ac:dyDescent="0.25">
      <c r="B763" s="124"/>
      <c r="C763" s="128" t="s">
        <v>2157</v>
      </c>
    </row>
    <row r="764" spans="2:3" x14ac:dyDescent="0.25">
      <c r="C764" s="130"/>
    </row>
    <row r="765" spans="2:3" ht="15.75" thickBot="1" x14ac:dyDescent="0.3">
      <c r="C765" s="130"/>
    </row>
    <row r="766" spans="2:3" x14ac:dyDescent="0.25">
      <c r="B766" s="411" t="s">
        <v>2169</v>
      </c>
      <c r="C766" s="412"/>
    </row>
    <row r="767" spans="2:3" ht="15.75" thickBot="1" x14ac:dyDescent="0.3">
      <c r="B767" s="413" t="s">
        <v>2158</v>
      </c>
      <c r="C767" s="414"/>
    </row>
    <row r="768" spans="2:3" x14ac:dyDescent="0.25">
      <c r="B768" s="122"/>
      <c r="C768" s="131" t="s">
        <v>2159</v>
      </c>
    </row>
    <row r="769" spans="2:3" x14ac:dyDescent="0.25">
      <c r="B769" s="124"/>
      <c r="C769" s="128" t="s">
        <v>2160</v>
      </c>
    </row>
    <row r="770" spans="2:3" x14ac:dyDescent="0.25">
      <c r="B770" s="124"/>
      <c r="C770" s="128" t="s">
        <v>2161</v>
      </c>
    </row>
    <row r="771" spans="2:3" ht="30" x14ac:dyDescent="0.25">
      <c r="B771" s="124"/>
      <c r="C771" s="128" t="s">
        <v>2162</v>
      </c>
    </row>
    <row r="772" spans="2:3" x14ac:dyDescent="0.25">
      <c r="B772" s="124"/>
      <c r="C772" s="128" t="s">
        <v>2163</v>
      </c>
    </row>
    <row r="773" spans="2:3" x14ac:dyDescent="0.25">
      <c r="B773" s="124"/>
      <c r="C773" s="128" t="s">
        <v>2164</v>
      </c>
    </row>
    <row r="774" spans="2:3" x14ac:dyDescent="0.25">
      <c r="B774" s="124"/>
      <c r="C774" s="128" t="s">
        <v>2165</v>
      </c>
    </row>
    <row r="775" spans="2:3" x14ac:dyDescent="0.25">
      <c r="B775" s="124"/>
      <c r="C775" s="128" t="s">
        <v>2166</v>
      </c>
    </row>
    <row r="776" spans="2:3" x14ac:dyDescent="0.25">
      <c r="B776" s="124"/>
      <c r="C776" s="128" t="s">
        <v>2010</v>
      </c>
    </row>
    <row r="777" spans="2:3" x14ac:dyDescent="0.25">
      <c r="B777" s="124"/>
      <c r="C777" s="128" t="s">
        <v>2167</v>
      </c>
    </row>
    <row r="778" spans="2:3" x14ac:dyDescent="0.25">
      <c r="B778" s="124"/>
      <c r="C778" s="128" t="s">
        <v>2168</v>
      </c>
    </row>
    <row r="780" spans="2:3" ht="15.75" thickBot="1" x14ac:dyDescent="0.3"/>
    <row r="781" spans="2:3" x14ac:dyDescent="0.25">
      <c r="B781" s="409" t="s">
        <v>2171</v>
      </c>
      <c r="C781" s="410"/>
    </row>
    <row r="782" spans="2:3" x14ac:dyDescent="0.25">
      <c r="B782" s="371" t="s">
        <v>2170</v>
      </c>
      <c r="C782" s="372"/>
    </row>
    <row r="783" spans="2:3" x14ac:dyDescent="0.25">
      <c r="B783" s="124"/>
      <c r="C783" s="132" t="s">
        <v>2172</v>
      </c>
    </row>
    <row r="784" spans="2:3" ht="17.25" x14ac:dyDescent="0.25">
      <c r="B784" s="124"/>
      <c r="C784" s="132" t="s">
        <v>2173</v>
      </c>
    </row>
    <row r="786" spans="2:3" ht="15.75" thickBot="1" x14ac:dyDescent="0.3"/>
    <row r="787" spans="2:3" x14ac:dyDescent="0.25">
      <c r="B787" s="409" t="s">
        <v>2174</v>
      </c>
      <c r="C787" s="410"/>
    </row>
    <row r="788" spans="2:3" x14ac:dyDescent="0.25">
      <c r="B788" s="415" t="s">
        <v>2175</v>
      </c>
      <c r="C788" s="416"/>
    </row>
    <row r="789" spans="2:3" ht="30" x14ac:dyDescent="0.25">
      <c r="B789" s="124"/>
      <c r="C789" s="133" t="s">
        <v>2176</v>
      </c>
    </row>
    <row r="790" spans="2:3" x14ac:dyDescent="0.25">
      <c r="B790" s="124"/>
      <c r="C790" s="132" t="s">
        <v>2177</v>
      </c>
    </row>
    <row r="792" spans="2:3" ht="15.75" thickBot="1" x14ac:dyDescent="0.3"/>
    <row r="793" spans="2:3" ht="15.75" thickBot="1" x14ac:dyDescent="0.3">
      <c r="B793" s="180" t="s">
        <v>2187</v>
      </c>
      <c r="C793" s="182"/>
    </row>
    <row r="794" spans="2:3" x14ac:dyDescent="0.25">
      <c r="B794" s="232" t="s">
        <v>2186</v>
      </c>
      <c r="C794" s="234"/>
    </row>
    <row r="795" spans="2:3" x14ac:dyDescent="0.25">
      <c r="B795" s="124"/>
      <c r="C795" s="133" t="s">
        <v>1044</v>
      </c>
    </row>
    <row r="796" spans="2:3" x14ac:dyDescent="0.25">
      <c r="B796" s="124"/>
      <c r="C796" s="133" t="s">
        <v>2178</v>
      </c>
    </row>
    <row r="797" spans="2:3" x14ac:dyDescent="0.25">
      <c r="B797" s="124"/>
      <c r="C797" s="133" t="s">
        <v>2179</v>
      </c>
    </row>
    <row r="798" spans="2:3" x14ac:dyDescent="0.25">
      <c r="B798" s="124"/>
      <c r="C798" s="133" t="s">
        <v>2180</v>
      </c>
    </row>
    <row r="799" spans="2:3" x14ac:dyDescent="0.25">
      <c r="B799" s="124"/>
      <c r="C799" s="133" t="s">
        <v>2181</v>
      </c>
    </row>
    <row r="800" spans="2:3" x14ac:dyDescent="0.25">
      <c r="B800" s="124"/>
      <c r="C800" s="133" t="s">
        <v>2182</v>
      </c>
    </row>
    <row r="801" spans="2:3" x14ac:dyDescent="0.25">
      <c r="B801" s="124"/>
      <c r="C801" s="133" t="s">
        <v>2183</v>
      </c>
    </row>
    <row r="802" spans="2:3" x14ac:dyDescent="0.25">
      <c r="B802" s="124"/>
      <c r="C802" s="133" t="s">
        <v>2184</v>
      </c>
    </row>
    <row r="803" spans="2:3" x14ac:dyDescent="0.25">
      <c r="B803" s="124"/>
      <c r="C803" s="133" t="s">
        <v>2185</v>
      </c>
    </row>
    <row r="805" spans="2:3" ht="15.75" thickBot="1" x14ac:dyDescent="0.3"/>
    <row r="806" spans="2:3" x14ac:dyDescent="0.25">
      <c r="B806" s="369" t="s">
        <v>2188</v>
      </c>
      <c r="C806" s="370"/>
    </row>
    <row r="807" spans="2:3" ht="35.25" customHeight="1" thickBot="1" x14ac:dyDescent="0.3">
      <c r="B807" s="417" t="s">
        <v>2189</v>
      </c>
      <c r="C807" s="418"/>
    </row>
    <row r="808" spans="2:3" x14ac:dyDescent="0.25">
      <c r="B808" s="122"/>
      <c r="C808" s="134" t="s">
        <v>2190</v>
      </c>
    </row>
    <row r="809" spans="2:3" x14ac:dyDescent="0.25">
      <c r="B809" s="124"/>
      <c r="C809" s="133" t="s">
        <v>2191</v>
      </c>
    </row>
    <row r="810" spans="2:3" x14ac:dyDescent="0.25">
      <c r="B810" s="124"/>
      <c r="C810" s="133" t="s">
        <v>2192</v>
      </c>
    </row>
    <row r="811" spans="2:3" x14ac:dyDescent="0.25">
      <c r="B811" s="124"/>
      <c r="C811" s="133" t="s">
        <v>2193</v>
      </c>
    </row>
    <row r="812" spans="2:3" ht="30" x14ac:dyDescent="0.25">
      <c r="B812" s="124"/>
      <c r="C812" s="133" t="s">
        <v>2194</v>
      </c>
    </row>
    <row r="814" spans="2:3" ht="15.75" thickBot="1" x14ac:dyDescent="0.3"/>
    <row r="815" spans="2:3" x14ac:dyDescent="0.25">
      <c r="B815" s="369" t="s">
        <v>2195</v>
      </c>
      <c r="C815" s="370"/>
    </row>
    <row r="816" spans="2:3" ht="15.75" thickBot="1" x14ac:dyDescent="0.3">
      <c r="B816" s="250" t="s">
        <v>2196</v>
      </c>
      <c r="C816" s="252"/>
    </row>
    <row r="817" spans="2:3" x14ac:dyDescent="0.25">
      <c r="B817" s="122"/>
      <c r="C817" s="134" t="s">
        <v>2197</v>
      </c>
    </row>
    <row r="818" spans="2:3" ht="30" x14ac:dyDescent="0.25">
      <c r="B818" s="124"/>
      <c r="C818" s="133" t="s">
        <v>2198</v>
      </c>
    </row>
    <row r="819" spans="2:3" x14ac:dyDescent="0.25">
      <c r="B819" s="124"/>
      <c r="C819" s="133" t="s">
        <v>2199</v>
      </c>
    </row>
    <row r="820" spans="2:3" x14ac:dyDescent="0.25">
      <c r="B820" s="124"/>
      <c r="C820" s="133" t="s">
        <v>2200</v>
      </c>
    </row>
    <row r="821" spans="2:3" x14ac:dyDescent="0.25">
      <c r="B821" s="124"/>
      <c r="C821" s="133" t="s">
        <v>2201</v>
      </c>
    </row>
    <row r="822" spans="2:3" x14ac:dyDescent="0.25">
      <c r="B822" s="124"/>
      <c r="C822" s="133" t="s">
        <v>2202</v>
      </c>
    </row>
    <row r="823" spans="2:3" x14ac:dyDescent="0.25">
      <c r="B823" s="124"/>
      <c r="C823" s="133" t="s">
        <v>2203</v>
      </c>
    </row>
    <row r="824" spans="2:3" x14ac:dyDescent="0.25">
      <c r="B824" s="124"/>
      <c r="C824" s="133" t="s">
        <v>2204</v>
      </c>
    </row>
    <row r="825" spans="2:3" ht="30" x14ac:dyDescent="0.25">
      <c r="B825" s="124"/>
      <c r="C825" s="133" t="s">
        <v>2205</v>
      </c>
    </row>
    <row r="826" spans="2:3" x14ac:dyDescent="0.25">
      <c r="B826" s="124"/>
      <c r="C826" s="133" t="s">
        <v>2206</v>
      </c>
    </row>
    <row r="828" spans="2:3" ht="15.75" thickBot="1" x14ac:dyDescent="0.3"/>
    <row r="829" spans="2:3" x14ac:dyDescent="0.25">
      <c r="B829" s="409" t="s">
        <v>2207</v>
      </c>
      <c r="C829" s="410"/>
    </row>
    <row r="830" spans="2:3" ht="15.75" thickBot="1" x14ac:dyDescent="0.3">
      <c r="B830" s="419" t="s">
        <v>2208</v>
      </c>
      <c r="C830" s="420"/>
    </row>
    <row r="831" spans="2:3" x14ac:dyDescent="0.25">
      <c r="B831" s="133"/>
      <c r="C831" s="133" t="s">
        <v>2209</v>
      </c>
    </row>
    <row r="832" spans="2:3" x14ac:dyDescent="0.25">
      <c r="B832" s="133"/>
      <c r="C832" s="133" t="s">
        <v>2210</v>
      </c>
    </row>
    <row r="833" spans="2:3" x14ac:dyDescent="0.25">
      <c r="B833" s="133"/>
      <c r="C833" s="133" t="s">
        <v>2211</v>
      </c>
    </row>
    <row r="834" spans="2:3" x14ac:dyDescent="0.25">
      <c r="B834" s="133"/>
      <c r="C834" s="133" t="s">
        <v>2212</v>
      </c>
    </row>
    <row r="835" spans="2:3" x14ac:dyDescent="0.25">
      <c r="B835" s="133"/>
      <c r="C835" s="133" t="s">
        <v>2213</v>
      </c>
    </row>
    <row r="836" spans="2:3" x14ac:dyDescent="0.25">
      <c r="B836" s="133"/>
      <c r="C836" s="133" t="s">
        <v>2214</v>
      </c>
    </row>
    <row r="837" spans="2:3" x14ac:dyDescent="0.25">
      <c r="B837" s="133"/>
      <c r="C837" s="133" t="s">
        <v>2215</v>
      </c>
    </row>
    <row r="838" spans="2:3" x14ac:dyDescent="0.25">
      <c r="B838" s="133"/>
      <c r="C838" s="133" t="s">
        <v>2216</v>
      </c>
    </row>
    <row r="839" spans="2:3" x14ac:dyDescent="0.25">
      <c r="B839" s="133"/>
      <c r="C839" s="133" t="s">
        <v>2217</v>
      </c>
    </row>
    <row r="840" spans="2:3" x14ac:dyDescent="0.25">
      <c r="B840" s="133"/>
      <c r="C840" s="133" t="s">
        <v>2218</v>
      </c>
    </row>
    <row r="841" spans="2:3" x14ac:dyDescent="0.25">
      <c r="B841" s="133"/>
      <c r="C841" s="133" t="s">
        <v>2219</v>
      </c>
    </row>
    <row r="842" spans="2:3" x14ac:dyDescent="0.25">
      <c r="B842" s="133"/>
      <c r="C842" s="133" t="s">
        <v>2220</v>
      </c>
    </row>
    <row r="843" spans="2:3" x14ac:dyDescent="0.25">
      <c r="B843" s="133"/>
      <c r="C843" s="133" t="s">
        <v>2221</v>
      </c>
    </row>
    <row r="844" spans="2:3" x14ac:dyDescent="0.25">
      <c r="B844" s="133"/>
      <c r="C844" s="133" t="s">
        <v>2222</v>
      </c>
    </row>
    <row r="845" spans="2:3" x14ac:dyDescent="0.25">
      <c r="B845" s="133"/>
      <c r="C845" s="133" t="s">
        <v>2223</v>
      </c>
    </row>
    <row r="846" spans="2:3" x14ac:dyDescent="0.25">
      <c r="B846" s="133"/>
      <c r="C846" s="133" t="s">
        <v>2224</v>
      </c>
    </row>
    <row r="847" spans="2:3" x14ac:dyDescent="0.25">
      <c r="B847" s="133"/>
      <c r="C847" s="133" t="s">
        <v>2225</v>
      </c>
    </row>
    <row r="848" spans="2:3" x14ac:dyDescent="0.25">
      <c r="B848" s="133"/>
      <c r="C848" s="133" t="s">
        <v>2226</v>
      </c>
    </row>
    <row r="849" spans="2:3" x14ac:dyDescent="0.25">
      <c r="B849" s="133"/>
      <c r="C849" s="133" t="s">
        <v>2227</v>
      </c>
    </row>
    <row r="850" spans="2:3" x14ac:dyDescent="0.25">
      <c r="B850" s="133"/>
      <c r="C850" s="133" t="s">
        <v>2228</v>
      </c>
    </row>
    <row r="851" spans="2:3" x14ac:dyDescent="0.25">
      <c r="B851" s="133"/>
      <c r="C851" s="133" t="s">
        <v>2229</v>
      </c>
    </row>
    <row r="852" spans="2:3" x14ac:dyDescent="0.25">
      <c r="B852" s="133"/>
      <c r="C852" s="133" t="s">
        <v>2230</v>
      </c>
    </row>
    <row r="853" spans="2:3" x14ac:dyDescent="0.25">
      <c r="B853" s="133"/>
      <c r="C853" s="133" t="s">
        <v>2231</v>
      </c>
    </row>
    <row r="855" spans="2:3" ht="15.75" thickBot="1" x14ac:dyDescent="0.3"/>
    <row r="856" spans="2:3" x14ac:dyDescent="0.25">
      <c r="B856" s="369" t="s">
        <v>2232</v>
      </c>
      <c r="C856" s="370"/>
    </row>
    <row r="857" spans="2:3" ht="35.25" customHeight="1" thickBot="1" x14ac:dyDescent="0.3">
      <c r="B857" s="421" t="s">
        <v>2233</v>
      </c>
      <c r="C857" s="422"/>
    </row>
    <row r="858" spans="2:3" x14ac:dyDescent="0.25">
      <c r="B858" s="133"/>
      <c r="C858" s="133" t="s">
        <v>2234</v>
      </c>
    </row>
    <row r="859" spans="2:3" x14ac:dyDescent="0.25">
      <c r="B859" s="133"/>
      <c r="C859" s="133" t="s">
        <v>2210</v>
      </c>
    </row>
    <row r="860" spans="2:3" x14ac:dyDescent="0.25">
      <c r="B860" s="133"/>
      <c r="C860" s="133" t="s">
        <v>2211</v>
      </c>
    </row>
    <row r="861" spans="2:3" x14ac:dyDescent="0.25">
      <c r="B861" s="133"/>
      <c r="C861" s="133" t="s">
        <v>2212</v>
      </c>
    </row>
    <row r="862" spans="2:3" x14ac:dyDescent="0.25">
      <c r="B862" s="133"/>
      <c r="C862" s="133" t="s">
        <v>2213</v>
      </c>
    </row>
    <row r="863" spans="2:3" x14ac:dyDescent="0.25">
      <c r="B863" s="133"/>
      <c r="C863" s="133" t="s">
        <v>2214</v>
      </c>
    </row>
    <row r="864" spans="2:3" x14ac:dyDescent="0.25">
      <c r="B864" s="133"/>
      <c r="C864" s="133" t="s">
        <v>2215</v>
      </c>
    </row>
    <row r="865" spans="2:3" x14ac:dyDescent="0.25">
      <c r="B865" s="133"/>
      <c r="C865" s="133" t="s">
        <v>2216</v>
      </c>
    </row>
    <row r="866" spans="2:3" x14ac:dyDescent="0.25">
      <c r="B866" s="133"/>
      <c r="C866" s="133" t="s">
        <v>2235</v>
      </c>
    </row>
    <row r="867" spans="2:3" x14ac:dyDescent="0.25">
      <c r="B867" s="133"/>
      <c r="C867" s="133" t="s">
        <v>2236</v>
      </c>
    </row>
    <row r="868" spans="2:3" x14ac:dyDescent="0.25">
      <c r="B868" s="133"/>
      <c r="C868" s="133" t="s">
        <v>2237</v>
      </c>
    </row>
    <row r="869" spans="2:3" x14ac:dyDescent="0.25">
      <c r="B869" s="133"/>
      <c r="C869" s="133" t="s">
        <v>2238</v>
      </c>
    </row>
    <row r="870" spans="2:3" x14ac:dyDescent="0.25">
      <c r="B870" s="133"/>
      <c r="C870" s="133" t="s">
        <v>2239</v>
      </c>
    </row>
    <row r="871" spans="2:3" x14ac:dyDescent="0.25">
      <c r="B871" s="133"/>
      <c r="C871" s="133" t="s">
        <v>2222</v>
      </c>
    </row>
    <row r="872" spans="2:3" x14ac:dyDescent="0.25">
      <c r="B872" s="133"/>
      <c r="C872" s="133" t="s">
        <v>2223</v>
      </c>
    </row>
    <row r="873" spans="2:3" x14ac:dyDescent="0.25">
      <c r="B873" s="133"/>
      <c r="C873" s="133" t="s">
        <v>2240</v>
      </c>
    </row>
    <row r="874" spans="2:3" x14ac:dyDescent="0.25">
      <c r="B874" s="133"/>
      <c r="C874" s="133" t="s">
        <v>2241</v>
      </c>
    </row>
    <row r="875" spans="2:3" x14ac:dyDescent="0.25">
      <c r="B875" s="133"/>
      <c r="C875" s="133" t="s">
        <v>2226</v>
      </c>
    </row>
    <row r="876" spans="2:3" x14ac:dyDescent="0.25">
      <c r="B876" s="133"/>
      <c r="C876" s="133" t="s">
        <v>2242</v>
      </c>
    </row>
    <row r="877" spans="2:3" x14ac:dyDescent="0.25">
      <c r="B877" s="133"/>
      <c r="C877" s="133" t="s">
        <v>2227</v>
      </c>
    </row>
    <row r="879" spans="2:3" ht="15.75" thickBot="1" x14ac:dyDescent="0.3"/>
    <row r="880" spans="2:3" x14ac:dyDescent="0.25">
      <c r="B880" s="369" t="s">
        <v>2246</v>
      </c>
      <c r="C880" s="370"/>
    </row>
    <row r="881" spans="2:4" ht="31.5" customHeight="1" x14ac:dyDescent="0.25">
      <c r="B881" s="371" t="s">
        <v>2243</v>
      </c>
      <c r="C881" s="372"/>
    </row>
    <row r="882" spans="2:4" ht="15" customHeight="1" x14ac:dyDescent="0.25">
      <c r="B882" s="124"/>
      <c r="C882" s="133" t="s">
        <v>196</v>
      </c>
    </row>
    <row r="883" spans="2:4" x14ac:dyDescent="0.25">
      <c r="B883" s="124"/>
      <c r="C883" s="133" t="s">
        <v>2244</v>
      </c>
    </row>
    <row r="884" spans="2:4" x14ac:dyDescent="0.25">
      <c r="B884" s="124"/>
      <c r="C884" s="133" t="s">
        <v>2245</v>
      </c>
    </row>
    <row r="886" spans="2:4" ht="15.75" thickBot="1" x14ac:dyDescent="0.3"/>
    <row r="887" spans="2:4" x14ac:dyDescent="0.25">
      <c r="B887" s="431" t="s">
        <v>2247</v>
      </c>
      <c r="C887" s="432"/>
    </row>
    <row r="888" spans="2:4" ht="33" customHeight="1" thickBot="1" x14ac:dyDescent="0.3">
      <c r="B888" s="417" t="s">
        <v>2248</v>
      </c>
      <c r="C888" s="418"/>
      <c r="D888" s="135"/>
    </row>
    <row r="889" spans="2:4" x14ac:dyDescent="0.25">
      <c r="B889" s="133"/>
      <c r="C889" s="133" t="s">
        <v>2249</v>
      </c>
    </row>
    <row r="890" spans="2:4" x14ac:dyDescent="0.25">
      <c r="B890" s="133"/>
      <c r="C890" s="133" t="s">
        <v>2250</v>
      </c>
    </row>
    <row r="892" spans="2:4" ht="15.75" thickBot="1" x14ac:dyDescent="0.3"/>
    <row r="893" spans="2:4" x14ac:dyDescent="0.25">
      <c r="B893" s="369" t="s">
        <v>2251</v>
      </c>
      <c r="C893" s="370"/>
    </row>
    <row r="894" spans="2:4" ht="15.75" thickBot="1" x14ac:dyDescent="0.3">
      <c r="B894" s="425" t="s">
        <v>2252</v>
      </c>
      <c r="C894" s="426"/>
    </row>
    <row r="895" spans="2:4" x14ac:dyDescent="0.25">
      <c r="B895" s="133"/>
      <c r="C895" s="133" t="s">
        <v>2253</v>
      </c>
    </row>
    <row r="896" spans="2:4" x14ac:dyDescent="0.25">
      <c r="B896" s="133"/>
      <c r="C896" s="133" t="s">
        <v>2254</v>
      </c>
    </row>
    <row r="897" spans="2:3" x14ac:dyDescent="0.25">
      <c r="B897" s="133"/>
      <c r="C897" s="133" t="s">
        <v>2255</v>
      </c>
    </row>
    <row r="898" spans="2:3" x14ac:dyDescent="0.25">
      <c r="B898" s="133"/>
      <c r="C898" s="133" t="s">
        <v>2256</v>
      </c>
    </row>
    <row r="899" spans="2:3" x14ac:dyDescent="0.25">
      <c r="B899" s="133"/>
      <c r="C899" s="133" t="s">
        <v>2257</v>
      </c>
    </row>
    <row r="900" spans="2:3" x14ac:dyDescent="0.25">
      <c r="B900" s="133"/>
      <c r="C900" s="133" t="s">
        <v>2258</v>
      </c>
    </row>
    <row r="901" spans="2:3" x14ac:dyDescent="0.25">
      <c r="B901" s="133"/>
      <c r="C901" s="133" t="s">
        <v>1763</v>
      </c>
    </row>
    <row r="902" spans="2:3" x14ac:dyDescent="0.25">
      <c r="B902" s="133"/>
      <c r="C902" s="133" t="s">
        <v>2259</v>
      </c>
    </row>
    <row r="903" spans="2:3" x14ac:dyDescent="0.25">
      <c r="B903" s="133"/>
      <c r="C903" s="133" t="s">
        <v>2260</v>
      </c>
    </row>
    <row r="904" spans="2:3" x14ac:dyDescent="0.25">
      <c r="B904" s="133"/>
      <c r="C904" s="133" t="s">
        <v>2261</v>
      </c>
    </row>
    <row r="905" spans="2:3" x14ac:dyDescent="0.25">
      <c r="B905" s="133"/>
      <c r="C905" s="133" t="s">
        <v>2262</v>
      </c>
    </row>
    <row r="906" spans="2:3" x14ac:dyDescent="0.25">
      <c r="B906" s="133"/>
      <c r="C906" s="133" t="s">
        <v>2263</v>
      </c>
    </row>
    <row r="907" spans="2:3" x14ac:dyDescent="0.25">
      <c r="B907" s="133"/>
      <c r="C907" s="133" t="s">
        <v>2264</v>
      </c>
    </row>
    <row r="908" spans="2:3" x14ac:dyDescent="0.25">
      <c r="B908" s="133"/>
      <c r="C908" s="133" t="s">
        <v>2265</v>
      </c>
    </row>
    <row r="910" spans="2:3" ht="15.75" thickBot="1" x14ac:dyDescent="0.3"/>
    <row r="911" spans="2:3" x14ac:dyDescent="0.25">
      <c r="B911" s="369" t="s">
        <v>2266</v>
      </c>
      <c r="C911" s="370"/>
    </row>
    <row r="912" spans="2:3" ht="15.75" thickBot="1" x14ac:dyDescent="0.3">
      <c r="B912" s="423" t="s">
        <v>2267</v>
      </c>
      <c r="C912" s="424"/>
    </row>
    <row r="913" spans="2:3" x14ac:dyDescent="0.25">
      <c r="B913" s="122"/>
      <c r="C913" s="122" t="s">
        <v>1738</v>
      </c>
    </row>
    <row r="914" spans="2:3" x14ac:dyDescent="0.25">
      <c r="B914" s="124"/>
      <c r="C914" s="124" t="s">
        <v>1739</v>
      </c>
    </row>
    <row r="915" spans="2:3" x14ac:dyDescent="0.25">
      <c r="B915" s="124"/>
      <c r="C915" s="124" t="s">
        <v>1740</v>
      </c>
    </row>
    <row r="916" spans="2:3" x14ac:dyDescent="0.25">
      <c r="B916" s="124"/>
      <c r="C916" s="124" t="s">
        <v>1741</v>
      </c>
    </row>
    <row r="917" spans="2:3" x14ac:dyDescent="0.25">
      <c r="B917" s="124"/>
      <c r="C917" s="124" t="s">
        <v>1742</v>
      </c>
    </row>
    <row r="918" spans="2:3" x14ac:dyDescent="0.25">
      <c r="B918" s="124"/>
      <c r="C918" s="124" t="s">
        <v>1743</v>
      </c>
    </row>
    <row r="919" spans="2:3" x14ac:dyDescent="0.25">
      <c r="B919" s="124"/>
      <c r="C919" s="124" t="s">
        <v>1744</v>
      </c>
    </row>
    <row r="920" spans="2:3" x14ac:dyDescent="0.25">
      <c r="B920" s="124"/>
      <c r="C920" s="124" t="s">
        <v>1745</v>
      </c>
    </row>
    <row r="921" spans="2:3" x14ac:dyDescent="0.25">
      <c r="B921" s="124"/>
      <c r="C921" s="124" t="s">
        <v>1746</v>
      </c>
    </row>
    <row r="922" spans="2:3" x14ac:dyDescent="0.25">
      <c r="B922" s="124"/>
      <c r="C922" s="124" t="s">
        <v>1747</v>
      </c>
    </row>
    <row r="923" spans="2:3" x14ac:dyDescent="0.25">
      <c r="B923" s="124"/>
      <c r="C923" s="124" t="s">
        <v>1748</v>
      </c>
    </row>
    <row r="924" spans="2:3" x14ac:dyDescent="0.25">
      <c r="B924" s="124"/>
      <c r="C924" s="124" t="s">
        <v>1749</v>
      </c>
    </row>
    <row r="925" spans="2:3" x14ac:dyDescent="0.25">
      <c r="B925" s="124"/>
      <c r="C925" s="124" t="s">
        <v>1750</v>
      </c>
    </row>
    <row r="926" spans="2:3" x14ac:dyDescent="0.25">
      <c r="B926" s="124"/>
      <c r="C926" s="124" t="s">
        <v>1751</v>
      </c>
    </row>
    <row r="927" spans="2:3" x14ac:dyDescent="0.25">
      <c r="B927" s="124"/>
      <c r="C927" s="124" t="s">
        <v>1752</v>
      </c>
    </row>
    <row r="928" spans="2:3" x14ac:dyDescent="0.25">
      <c r="B928" s="124"/>
      <c r="C928" s="124" t="s">
        <v>1753</v>
      </c>
    </row>
    <row r="929" spans="2:3" x14ac:dyDescent="0.25">
      <c r="B929" s="124"/>
      <c r="C929" s="124" t="s">
        <v>1754</v>
      </c>
    </row>
    <row r="930" spans="2:3" x14ac:dyDescent="0.25">
      <c r="B930" s="124"/>
      <c r="C930" s="124" t="s">
        <v>1755</v>
      </c>
    </row>
    <row r="931" spans="2:3" x14ac:dyDescent="0.25">
      <c r="B931" s="124"/>
      <c r="C931" s="124" t="s">
        <v>1756</v>
      </c>
    </row>
    <row r="932" spans="2:3" x14ac:dyDescent="0.25">
      <c r="B932" s="124"/>
      <c r="C932" s="124" t="s">
        <v>1757</v>
      </c>
    </row>
    <row r="933" spans="2:3" x14ac:dyDescent="0.25">
      <c r="B933" s="124"/>
      <c r="C933" s="124" t="s">
        <v>1758</v>
      </c>
    </row>
    <row r="934" spans="2:3" x14ac:dyDescent="0.25">
      <c r="B934" s="124"/>
      <c r="C934" s="124" t="s">
        <v>1759</v>
      </c>
    </row>
    <row r="935" spans="2:3" x14ac:dyDescent="0.25">
      <c r="B935" s="124"/>
      <c r="C935" s="124" t="s">
        <v>1760</v>
      </c>
    </row>
    <row r="936" spans="2:3" x14ac:dyDescent="0.25">
      <c r="B936" s="124"/>
      <c r="C936" s="124" t="s">
        <v>1761</v>
      </c>
    </row>
    <row r="937" spans="2:3" x14ac:dyDescent="0.25">
      <c r="B937" s="124"/>
      <c r="C937" s="124" t="s">
        <v>1762</v>
      </c>
    </row>
    <row r="938" spans="2:3" x14ac:dyDescent="0.25">
      <c r="B938" s="124"/>
      <c r="C938" s="124" t="s">
        <v>1763</v>
      </c>
    </row>
    <row r="939" spans="2:3" x14ac:dyDescent="0.25">
      <c r="B939" s="124"/>
      <c r="C939" s="124" t="s">
        <v>1764</v>
      </c>
    </row>
    <row r="940" spans="2:3" x14ac:dyDescent="0.25">
      <c r="B940" s="124"/>
      <c r="C940" s="124" t="s">
        <v>525</v>
      </c>
    </row>
    <row r="941" spans="2:3" x14ac:dyDescent="0.25">
      <c r="B941" s="124"/>
      <c r="C941" s="124" t="s">
        <v>1765</v>
      </c>
    </row>
    <row r="942" spans="2:3" x14ac:dyDescent="0.25">
      <c r="B942" s="124"/>
      <c r="C942" s="124" t="s">
        <v>1766</v>
      </c>
    </row>
    <row r="943" spans="2:3" x14ac:dyDescent="0.25">
      <c r="B943" s="124"/>
      <c r="C943" s="124" t="s">
        <v>1767</v>
      </c>
    </row>
    <row r="944" spans="2:3" x14ac:dyDescent="0.25">
      <c r="B944" s="124"/>
      <c r="C944" s="124" t="s">
        <v>1768</v>
      </c>
    </row>
    <row r="945" spans="2:3" x14ac:dyDescent="0.25">
      <c r="B945" s="124"/>
      <c r="C945" s="124" t="s">
        <v>1769</v>
      </c>
    </row>
    <row r="946" spans="2:3" x14ac:dyDescent="0.25">
      <c r="B946" s="124"/>
      <c r="C946" s="124" t="s">
        <v>1770</v>
      </c>
    </row>
    <row r="947" spans="2:3" x14ac:dyDescent="0.25">
      <c r="B947" s="124"/>
      <c r="C947" s="124" t="s">
        <v>1771</v>
      </c>
    </row>
    <row r="948" spans="2:3" x14ac:dyDescent="0.25">
      <c r="B948" s="124"/>
      <c r="C948" s="124" t="s">
        <v>1772</v>
      </c>
    </row>
    <row r="949" spans="2:3" x14ac:dyDescent="0.25">
      <c r="B949" s="124"/>
      <c r="C949" s="124" t="s">
        <v>1773</v>
      </c>
    </row>
    <row r="950" spans="2:3" x14ac:dyDescent="0.25">
      <c r="B950" s="124"/>
      <c r="C950" s="124" t="s">
        <v>1774</v>
      </c>
    </row>
    <row r="951" spans="2:3" x14ac:dyDescent="0.25">
      <c r="B951" s="124"/>
      <c r="C951" s="124" t="s">
        <v>2268</v>
      </c>
    </row>
    <row r="952" spans="2:3" x14ac:dyDescent="0.25">
      <c r="B952" s="124"/>
      <c r="C952" s="124" t="s">
        <v>1775</v>
      </c>
    </row>
    <row r="953" spans="2:3" x14ac:dyDescent="0.25">
      <c r="B953" s="124"/>
      <c r="C953" s="124" t="s">
        <v>1776</v>
      </c>
    </row>
    <row r="954" spans="2:3" x14ac:dyDescent="0.25">
      <c r="B954" s="124"/>
      <c r="C954" s="124" t="s">
        <v>1777</v>
      </c>
    </row>
    <row r="955" spans="2:3" x14ac:dyDescent="0.25">
      <c r="B955" s="124"/>
      <c r="C955" s="124" t="s">
        <v>1778</v>
      </c>
    </row>
    <row r="956" spans="2:3" x14ac:dyDescent="0.25">
      <c r="B956" s="124"/>
      <c r="C956" s="124" t="s">
        <v>1779</v>
      </c>
    </row>
    <row r="957" spans="2:3" x14ac:dyDescent="0.25">
      <c r="B957" s="124"/>
      <c r="C957" s="124" t="s">
        <v>1780</v>
      </c>
    </row>
    <row r="958" spans="2:3" x14ac:dyDescent="0.25">
      <c r="B958" s="124"/>
      <c r="C958" s="124" t="s">
        <v>1781</v>
      </c>
    </row>
    <row r="959" spans="2:3" x14ac:dyDescent="0.25">
      <c r="B959" s="124"/>
      <c r="C959" s="124" t="s">
        <v>1782</v>
      </c>
    </row>
    <row r="960" spans="2:3" x14ac:dyDescent="0.25">
      <c r="B960" s="124"/>
      <c r="C960" s="124" t="s">
        <v>1783</v>
      </c>
    </row>
    <row r="961" spans="2:3" x14ac:dyDescent="0.25">
      <c r="B961" s="124"/>
      <c r="C961" s="124" t="s">
        <v>1784</v>
      </c>
    </row>
    <row r="962" spans="2:3" x14ac:dyDescent="0.25">
      <c r="B962" s="124"/>
      <c r="C962" s="124" t="s">
        <v>1785</v>
      </c>
    </row>
    <row r="963" spans="2:3" x14ac:dyDescent="0.25">
      <c r="B963" s="124"/>
      <c r="C963" s="124" t="s">
        <v>1786</v>
      </c>
    </row>
    <row r="964" spans="2:3" x14ac:dyDescent="0.25">
      <c r="B964" s="124"/>
      <c r="C964" s="124" t="s">
        <v>1787</v>
      </c>
    </row>
    <row r="965" spans="2:3" x14ac:dyDescent="0.25">
      <c r="B965" s="124"/>
      <c r="C965" s="124" t="s">
        <v>1788</v>
      </c>
    </row>
    <row r="966" spans="2:3" x14ac:dyDescent="0.25">
      <c r="B966" s="124"/>
      <c r="C966" s="124" t="s">
        <v>1789</v>
      </c>
    </row>
    <row r="967" spans="2:3" x14ac:dyDescent="0.25">
      <c r="B967" s="124"/>
      <c r="C967" s="124" t="s">
        <v>1790</v>
      </c>
    </row>
    <row r="968" spans="2:3" x14ac:dyDescent="0.25">
      <c r="B968" s="124"/>
      <c r="C968" s="124" t="s">
        <v>1791</v>
      </c>
    </row>
    <row r="969" spans="2:3" x14ac:dyDescent="0.25">
      <c r="B969" s="124"/>
      <c r="C969" s="124" t="s">
        <v>1792</v>
      </c>
    </row>
    <row r="970" spans="2:3" x14ac:dyDescent="0.25">
      <c r="B970" s="124"/>
      <c r="C970" s="124" t="s">
        <v>1793</v>
      </c>
    </row>
    <row r="971" spans="2:3" x14ac:dyDescent="0.25">
      <c r="B971" s="124"/>
      <c r="C971" s="124" t="s">
        <v>1794</v>
      </c>
    </row>
    <row r="972" spans="2:3" x14ac:dyDescent="0.25">
      <c r="B972" s="124"/>
      <c r="C972" s="124" t="s">
        <v>124</v>
      </c>
    </row>
    <row r="974" spans="2:3" ht="15.75" thickBot="1" x14ac:dyDescent="0.3"/>
    <row r="975" spans="2:3" x14ac:dyDescent="0.25">
      <c r="B975" s="369" t="s">
        <v>1801</v>
      </c>
      <c r="C975" s="370"/>
    </row>
    <row r="976" spans="2:3" ht="15.75" thickBot="1" x14ac:dyDescent="0.3">
      <c r="B976" s="425" t="s">
        <v>2269</v>
      </c>
      <c r="C976" s="426"/>
    </row>
    <row r="977" spans="2:3" x14ac:dyDescent="0.25">
      <c r="B977" s="122"/>
      <c r="C977" s="122" t="s">
        <v>2270</v>
      </c>
    </row>
    <row r="979" spans="2:3" ht="15.75" thickBot="1" x14ac:dyDescent="0.3"/>
    <row r="980" spans="2:3" ht="15.75" thickBot="1" x14ac:dyDescent="0.3">
      <c r="B980" s="228" t="s">
        <v>2277</v>
      </c>
      <c r="C980" s="227"/>
    </row>
    <row r="981" spans="2:3" ht="52.5" customHeight="1" thickBot="1" x14ac:dyDescent="0.3">
      <c r="B981" s="433" t="s">
        <v>2278</v>
      </c>
      <c r="C981" s="434"/>
    </row>
    <row r="982" spans="2:3" x14ac:dyDescent="0.25">
      <c r="B982" s="122"/>
      <c r="C982" s="122" t="s">
        <v>2271</v>
      </c>
    </row>
    <row r="983" spans="2:3" x14ac:dyDescent="0.25">
      <c r="B983" s="122"/>
      <c r="C983" s="122" t="s">
        <v>2272</v>
      </c>
    </row>
    <row r="984" spans="2:3" x14ac:dyDescent="0.25">
      <c r="B984" s="122"/>
      <c r="C984" s="122" t="s">
        <v>2273</v>
      </c>
    </row>
    <row r="985" spans="2:3" x14ac:dyDescent="0.25">
      <c r="B985" s="122"/>
      <c r="C985" s="122" t="s">
        <v>1378</v>
      </c>
    </row>
    <row r="986" spans="2:3" x14ac:dyDescent="0.25">
      <c r="B986" s="122"/>
      <c r="C986" s="122" t="s">
        <v>2274</v>
      </c>
    </row>
    <row r="987" spans="2:3" x14ac:dyDescent="0.25">
      <c r="B987" s="122"/>
      <c r="C987" s="122" t="s">
        <v>2275</v>
      </c>
    </row>
    <row r="988" spans="2:3" x14ac:dyDescent="0.25">
      <c r="B988" s="122"/>
      <c r="C988" s="122" t="s">
        <v>2276</v>
      </c>
    </row>
    <row r="990" spans="2:3" ht="15.75" thickBot="1" x14ac:dyDescent="0.3"/>
    <row r="991" spans="2:3" x14ac:dyDescent="0.25">
      <c r="B991" s="369" t="s">
        <v>2281</v>
      </c>
      <c r="C991" s="370"/>
    </row>
    <row r="992" spans="2:3" ht="28.5" customHeight="1" thickBot="1" x14ac:dyDescent="0.3">
      <c r="B992" s="429" t="s">
        <v>2280</v>
      </c>
      <c r="C992" s="430"/>
    </row>
    <row r="993" spans="2:3" x14ac:dyDescent="0.25">
      <c r="B993" s="122"/>
      <c r="C993" s="122" t="s">
        <v>2045</v>
      </c>
    </row>
    <row r="994" spans="2:3" x14ac:dyDescent="0.25">
      <c r="B994" s="122"/>
      <c r="C994" s="122" t="s">
        <v>2279</v>
      </c>
    </row>
    <row r="996" spans="2:3" ht="15.75" thickBot="1" x14ac:dyDescent="0.3"/>
    <row r="997" spans="2:3" x14ac:dyDescent="0.25">
      <c r="B997" s="232" t="s">
        <v>2282</v>
      </c>
      <c r="C997" s="234"/>
    </row>
    <row r="998" spans="2:3" ht="36.75" customHeight="1" x14ac:dyDescent="0.25">
      <c r="B998" s="371" t="s">
        <v>2283</v>
      </c>
      <c r="C998" s="372"/>
    </row>
    <row r="999" spans="2:3" x14ac:dyDescent="0.25">
      <c r="B999" s="124"/>
      <c r="C999" s="124" t="s">
        <v>2284</v>
      </c>
    </row>
    <row r="1000" spans="2:3" x14ac:dyDescent="0.25">
      <c r="B1000" s="124"/>
      <c r="C1000" s="124" t="s">
        <v>2285</v>
      </c>
    </row>
    <row r="1002" spans="2:3" ht="15.75" thickBot="1" x14ac:dyDescent="0.3"/>
    <row r="1003" spans="2:3" x14ac:dyDescent="0.25">
      <c r="B1003" s="369" t="s">
        <v>2287</v>
      </c>
      <c r="C1003" s="370"/>
    </row>
    <row r="1004" spans="2:3" ht="40.5" customHeight="1" thickBot="1" x14ac:dyDescent="0.3">
      <c r="B1004" s="421" t="s">
        <v>2286</v>
      </c>
      <c r="C1004" s="422"/>
    </row>
    <row r="1005" spans="2:3" x14ac:dyDescent="0.25">
      <c r="B1005" s="124"/>
      <c r="C1005" s="124" t="s">
        <v>2288</v>
      </c>
    </row>
    <row r="1006" spans="2:3" x14ac:dyDescent="0.25">
      <c r="B1006" s="124"/>
      <c r="C1006" s="124" t="s">
        <v>2289</v>
      </c>
    </row>
    <row r="1007" spans="2:3" x14ac:dyDescent="0.25">
      <c r="B1007" s="124"/>
      <c r="C1007" s="124" t="s">
        <v>2290</v>
      </c>
    </row>
    <row r="1008" spans="2:3" x14ac:dyDescent="0.25">
      <c r="B1008" s="124"/>
      <c r="C1008" s="124" t="s">
        <v>2291</v>
      </c>
    </row>
    <row r="1010" spans="2:3" ht="15.75" thickBot="1" x14ac:dyDescent="0.3"/>
    <row r="1011" spans="2:3" x14ac:dyDescent="0.25">
      <c r="B1011" s="369" t="s">
        <v>2292</v>
      </c>
      <c r="C1011" s="370"/>
    </row>
    <row r="1012" spans="2:3" ht="15.75" thickBot="1" x14ac:dyDescent="0.3">
      <c r="B1012" s="425" t="s">
        <v>2293</v>
      </c>
      <c r="C1012" s="426"/>
    </row>
    <row r="1013" spans="2:3" x14ac:dyDescent="0.25">
      <c r="B1013" s="124"/>
      <c r="C1013" s="124" t="s">
        <v>2294</v>
      </c>
    </row>
    <row r="1014" spans="2:3" x14ac:dyDescent="0.25">
      <c r="B1014" s="124"/>
      <c r="C1014" s="124" t="s">
        <v>2295</v>
      </c>
    </row>
    <row r="1015" spans="2:3" x14ac:dyDescent="0.25">
      <c r="B1015" s="124"/>
      <c r="C1015" s="124" t="s">
        <v>2296</v>
      </c>
    </row>
    <row r="1016" spans="2:3" x14ac:dyDescent="0.25">
      <c r="B1016" s="124"/>
      <c r="C1016" s="124" t="s">
        <v>2297</v>
      </c>
    </row>
    <row r="1017" spans="2:3" x14ac:dyDescent="0.25">
      <c r="B1017" s="124"/>
      <c r="C1017" s="124" t="s">
        <v>2130</v>
      </c>
    </row>
    <row r="1019" spans="2:3" ht="15.75" thickBot="1" x14ac:dyDescent="0.3"/>
    <row r="1020" spans="2:3" x14ac:dyDescent="0.25">
      <c r="B1020" s="427" t="s">
        <v>2298</v>
      </c>
      <c r="C1020" s="428"/>
    </row>
    <row r="1021" spans="2:3" ht="48.75" customHeight="1" thickBot="1" x14ac:dyDescent="0.3">
      <c r="B1021" s="429" t="s">
        <v>2299</v>
      </c>
      <c r="C1021" s="430"/>
    </row>
    <row r="1022" spans="2:3" x14ac:dyDescent="0.25">
      <c r="B1022" s="122"/>
      <c r="C1022" s="122" t="s">
        <v>2300</v>
      </c>
    </row>
    <row r="1023" spans="2:3" x14ac:dyDescent="0.25">
      <c r="B1023" s="124"/>
      <c r="C1023" s="124" t="s">
        <v>2301</v>
      </c>
    </row>
    <row r="1024" spans="2:3" x14ac:dyDescent="0.25">
      <c r="B1024" s="124"/>
      <c r="C1024" s="124" t="s">
        <v>2302</v>
      </c>
    </row>
    <row r="1025" spans="2:3" x14ac:dyDescent="0.25">
      <c r="B1025" s="124"/>
      <c r="C1025" s="124" t="s">
        <v>2303</v>
      </c>
    </row>
    <row r="1026" spans="2:3" ht="30" x14ac:dyDescent="0.25">
      <c r="B1026" s="124"/>
      <c r="C1026" s="125" t="s">
        <v>2304</v>
      </c>
    </row>
    <row r="1027" spans="2:3" x14ac:dyDescent="0.25">
      <c r="B1027" s="124"/>
      <c r="C1027" s="124" t="s">
        <v>2305</v>
      </c>
    </row>
    <row r="1028" spans="2:3" x14ac:dyDescent="0.25">
      <c r="B1028" s="124"/>
      <c r="C1028" s="124" t="s">
        <v>2306</v>
      </c>
    </row>
    <row r="1029" spans="2:3" x14ac:dyDescent="0.25">
      <c r="B1029" s="124"/>
      <c r="C1029" s="124" t="s">
        <v>2307</v>
      </c>
    </row>
    <row r="1030" spans="2:3" x14ac:dyDescent="0.25">
      <c r="B1030" s="124"/>
      <c r="C1030" s="124" t="s">
        <v>2308</v>
      </c>
    </row>
    <row r="1031" spans="2:3" x14ac:dyDescent="0.25">
      <c r="B1031" s="124"/>
      <c r="C1031" s="124" t="s">
        <v>2309</v>
      </c>
    </row>
    <row r="1033" spans="2:3" ht="15.75" thickBot="1" x14ac:dyDescent="0.3"/>
    <row r="1034" spans="2:3" x14ac:dyDescent="0.25">
      <c r="B1034" s="409" t="s">
        <v>2314</v>
      </c>
      <c r="C1034" s="410"/>
    </row>
    <row r="1035" spans="2:3" x14ac:dyDescent="0.25">
      <c r="B1035" s="371" t="s">
        <v>2310</v>
      </c>
      <c r="C1035" s="372"/>
    </row>
    <row r="1036" spans="2:3" x14ac:dyDescent="0.25">
      <c r="B1036" s="124"/>
      <c r="C1036" s="124" t="s">
        <v>2311</v>
      </c>
    </row>
    <row r="1037" spans="2:3" x14ac:dyDescent="0.25">
      <c r="B1037" s="124"/>
      <c r="C1037" s="124" t="s">
        <v>2312</v>
      </c>
    </row>
    <row r="1038" spans="2:3" x14ac:dyDescent="0.25">
      <c r="B1038" s="124"/>
      <c r="C1038" s="124" t="s">
        <v>2313</v>
      </c>
    </row>
    <row r="1040" spans="2:3" ht="15.75" thickBot="1" x14ac:dyDescent="0.3"/>
    <row r="1041" spans="2:3" x14ac:dyDescent="0.25">
      <c r="B1041" s="409" t="s">
        <v>2320</v>
      </c>
      <c r="C1041" s="410"/>
    </row>
    <row r="1042" spans="2:3" ht="15.75" thickBot="1" x14ac:dyDescent="0.3">
      <c r="B1042" s="250" t="s">
        <v>2315</v>
      </c>
      <c r="C1042" s="252"/>
    </row>
    <row r="1043" spans="2:3" x14ac:dyDescent="0.25">
      <c r="B1043" s="122"/>
      <c r="C1043" s="139" t="s">
        <v>2010</v>
      </c>
    </row>
    <row r="1044" spans="2:3" x14ac:dyDescent="0.25">
      <c r="B1044" s="124"/>
      <c r="C1044" s="124" t="s">
        <v>2316</v>
      </c>
    </row>
    <row r="1045" spans="2:3" ht="30" x14ac:dyDescent="0.25">
      <c r="B1045" s="124"/>
      <c r="C1045" s="125" t="s">
        <v>2317</v>
      </c>
    </row>
    <row r="1046" spans="2:3" x14ac:dyDescent="0.25">
      <c r="B1046" s="124"/>
      <c r="C1046" s="124" t="s">
        <v>2318</v>
      </c>
    </row>
    <row r="1047" spans="2:3" x14ac:dyDescent="0.25">
      <c r="B1047" s="124"/>
      <c r="C1047" s="124" t="s">
        <v>2319</v>
      </c>
    </row>
    <row r="1049" spans="2:3" ht="15.75" thickBot="1" x14ac:dyDescent="0.3"/>
    <row r="1050" spans="2:3" ht="15" customHeight="1" x14ac:dyDescent="0.25">
      <c r="B1050" s="409" t="s">
        <v>2322</v>
      </c>
      <c r="C1050" s="410"/>
    </row>
    <row r="1051" spans="2:3" ht="30" customHeight="1" thickBot="1" x14ac:dyDescent="0.3">
      <c r="B1051" s="417" t="s">
        <v>2321</v>
      </c>
      <c r="C1051" s="418"/>
    </row>
    <row r="1052" spans="2:3" x14ac:dyDescent="0.25">
      <c r="B1052" s="122"/>
      <c r="C1052" s="141" t="s">
        <v>2323</v>
      </c>
    </row>
    <row r="1053" spans="2:3" x14ac:dyDescent="0.25">
      <c r="B1053" s="124"/>
      <c r="C1053" s="140" t="s">
        <v>2324</v>
      </c>
    </row>
    <row r="1055" spans="2:3" ht="15.75" thickBot="1" x14ac:dyDescent="0.3"/>
    <row r="1056" spans="2:3" x14ac:dyDescent="0.25">
      <c r="B1056" s="409" t="s">
        <v>2325</v>
      </c>
      <c r="C1056" s="410"/>
    </row>
    <row r="1057" spans="2:3" ht="15.75" thickBot="1" x14ac:dyDescent="0.3">
      <c r="B1057" s="421" t="s">
        <v>2329</v>
      </c>
      <c r="C1057" s="422"/>
    </row>
    <row r="1058" spans="2:3" x14ac:dyDescent="0.25">
      <c r="B1058" s="122"/>
      <c r="C1058" s="122" t="s">
        <v>2326</v>
      </c>
    </row>
    <row r="1059" spans="2:3" x14ac:dyDescent="0.25">
      <c r="B1059" s="124"/>
      <c r="C1059" s="124" t="s">
        <v>2327</v>
      </c>
    </row>
    <row r="1060" spans="2:3" x14ac:dyDescent="0.25">
      <c r="B1060" s="124"/>
      <c r="C1060" s="124" t="s">
        <v>2328</v>
      </c>
    </row>
    <row r="1062" spans="2:3" ht="15.75" thickBot="1" x14ac:dyDescent="0.3"/>
    <row r="1063" spans="2:3" x14ac:dyDescent="0.25">
      <c r="B1063" s="369" t="s">
        <v>2331</v>
      </c>
      <c r="C1063" s="370"/>
    </row>
    <row r="1064" spans="2:3" x14ac:dyDescent="0.25">
      <c r="B1064" s="371" t="s">
        <v>2330</v>
      </c>
      <c r="C1064" s="372"/>
    </row>
    <row r="1065" spans="2:3" x14ac:dyDescent="0.25">
      <c r="B1065" s="124"/>
      <c r="C1065" s="142" t="s">
        <v>2332</v>
      </c>
    </row>
    <row r="1066" spans="2:3" x14ac:dyDescent="0.25">
      <c r="B1066" s="124"/>
      <c r="C1066" s="124" t="s">
        <v>2333</v>
      </c>
    </row>
    <row r="1067" spans="2:3" x14ac:dyDescent="0.25">
      <c r="B1067" s="124"/>
      <c r="C1067" s="124" t="s">
        <v>2045</v>
      </c>
    </row>
    <row r="1068" spans="2:3" x14ac:dyDescent="0.25">
      <c r="B1068" s="124"/>
      <c r="C1068" s="124" t="s">
        <v>2334</v>
      </c>
    </row>
    <row r="1069" spans="2:3" x14ac:dyDescent="0.25">
      <c r="B1069" s="124"/>
      <c r="C1069" s="124" t="s">
        <v>2335</v>
      </c>
    </row>
    <row r="1070" spans="2:3" x14ac:dyDescent="0.25">
      <c r="B1070" s="124"/>
      <c r="C1070" s="124" t="s">
        <v>2336</v>
      </c>
    </row>
    <row r="1072" spans="2:3" ht="15.75" thickBot="1" x14ac:dyDescent="0.3"/>
    <row r="1073" spans="2:3" x14ac:dyDescent="0.25">
      <c r="B1073" s="369" t="s">
        <v>2337</v>
      </c>
      <c r="C1073" s="370"/>
    </row>
    <row r="1074" spans="2:3" ht="15.75" thickBot="1" x14ac:dyDescent="0.3">
      <c r="B1074" s="425" t="s">
        <v>2338</v>
      </c>
      <c r="C1074" s="426"/>
    </row>
    <row r="1075" spans="2:3" x14ac:dyDescent="0.25">
      <c r="B1075" s="122"/>
      <c r="C1075" s="122" t="s">
        <v>2130</v>
      </c>
    </row>
    <row r="1076" spans="2:3" x14ac:dyDescent="0.25">
      <c r="B1076" s="124"/>
      <c r="C1076" s="124" t="s">
        <v>2339</v>
      </c>
    </row>
    <row r="1078" spans="2:3" ht="15.75" thickBot="1" x14ac:dyDescent="0.3"/>
    <row r="1079" spans="2:3" x14ac:dyDescent="0.25">
      <c r="B1079" s="369" t="s">
        <v>2340</v>
      </c>
      <c r="C1079" s="370"/>
    </row>
    <row r="1080" spans="2:3" ht="45.75" thickBot="1" x14ac:dyDescent="0.3">
      <c r="B1080" s="143"/>
      <c r="C1080" s="144" t="s">
        <v>2341</v>
      </c>
    </row>
    <row r="1081" spans="2:3" x14ac:dyDescent="0.25">
      <c r="B1081" s="122"/>
      <c r="C1081" s="139" t="s">
        <v>2342</v>
      </c>
    </row>
    <row r="1082" spans="2:3" x14ac:dyDescent="0.25">
      <c r="B1082" s="124"/>
      <c r="C1082" s="124" t="s">
        <v>2343</v>
      </c>
    </row>
    <row r="1083" spans="2:3" x14ac:dyDescent="0.25">
      <c r="B1083" s="124"/>
      <c r="C1083" s="124" t="s">
        <v>2344</v>
      </c>
    </row>
    <row r="1084" spans="2:3" x14ac:dyDescent="0.25">
      <c r="B1084" s="124"/>
      <c r="C1084" s="124" t="s">
        <v>2345</v>
      </c>
    </row>
    <row r="1085" spans="2:3" x14ac:dyDescent="0.25">
      <c r="B1085" s="124"/>
      <c r="C1085" s="124" t="s">
        <v>2346</v>
      </c>
    </row>
    <row r="1086" spans="2:3" x14ac:dyDescent="0.25">
      <c r="B1086" s="124"/>
      <c r="C1086" s="124" t="s">
        <v>2347</v>
      </c>
    </row>
    <row r="1087" spans="2:3" x14ac:dyDescent="0.25">
      <c r="B1087" s="124"/>
      <c r="C1087" s="124" t="s">
        <v>2348</v>
      </c>
    </row>
    <row r="1089" spans="2:3" ht="15.75" thickBot="1" x14ac:dyDescent="0.3"/>
    <row r="1090" spans="2:3" x14ac:dyDescent="0.25">
      <c r="B1090" s="369" t="s">
        <v>2349</v>
      </c>
      <c r="C1090" s="370"/>
    </row>
    <row r="1091" spans="2:3" ht="15.75" thickBot="1" x14ac:dyDescent="0.3">
      <c r="B1091" s="250" t="s">
        <v>2350</v>
      </c>
      <c r="C1091" s="252"/>
    </row>
    <row r="1092" spans="2:3" x14ac:dyDescent="0.25">
      <c r="B1092" s="122"/>
      <c r="C1092" s="139" t="s">
        <v>2311</v>
      </c>
    </row>
    <row r="1093" spans="2:3" x14ac:dyDescent="0.25">
      <c r="B1093" s="124"/>
      <c r="C1093" s="124" t="s">
        <v>2351</v>
      </c>
    </row>
    <row r="1094" spans="2:3" x14ac:dyDescent="0.25">
      <c r="B1094" s="124"/>
      <c r="C1094" s="124" t="s">
        <v>2313</v>
      </c>
    </row>
    <row r="1095" spans="2:3" x14ac:dyDescent="0.25">
      <c r="B1095" s="124"/>
      <c r="C1095" s="124" t="s">
        <v>2352</v>
      </c>
    </row>
    <row r="1096" spans="2:3" x14ac:dyDescent="0.25">
      <c r="B1096" s="124"/>
      <c r="C1096" s="124" t="s">
        <v>2353</v>
      </c>
    </row>
    <row r="1097" spans="2:3" x14ac:dyDescent="0.25">
      <c r="B1097" s="124"/>
      <c r="C1097" s="124" t="s">
        <v>2354</v>
      </c>
    </row>
    <row r="1099" spans="2:3" ht="15.75" thickBot="1" x14ac:dyDescent="0.3"/>
    <row r="1100" spans="2:3" x14ac:dyDescent="0.25">
      <c r="B1100" s="409" t="s">
        <v>2371</v>
      </c>
      <c r="C1100" s="410"/>
    </row>
    <row r="1101" spans="2:3" ht="15.75" thickBot="1" x14ac:dyDescent="0.3">
      <c r="B1101" s="250" t="s">
        <v>2355</v>
      </c>
      <c r="C1101" s="252"/>
    </row>
    <row r="1102" spans="2:3" x14ac:dyDescent="0.25">
      <c r="B1102" s="122"/>
      <c r="C1102" s="122" t="s">
        <v>2356</v>
      </c>
    </row>
    <row r="1103" spans="2:3" x14ac:dyDescent="0.25">
      <c r="B1103" s="124"/>
      <c r="C1103" s="124" t="s">
        <v>2357</v>
      </c>
    </row>
    <row r="1104" spans="2:3" x14ac:dyDescent="0.25">
      <c r="B1104" s="124"/>
      <c r="C1104" s="124" t="s">
        <v>2319</v>
      </c>
    </row>
    <row r="1105" spans="2:3" x14ac:dyDescent="0.25">
      <c r="B1105" s="124"/>
      <c r="C1105" s="124" t="s">
        <v>2358</v>
      </c>
    </row>
    <row r="1106" spans="2:3" x14ac:dyDescent="0.25">
      <c r="B1106" s="124"/>
      <c r="C1106" s="124" t="s">
        <v>2359</v>
      </c>
    </row>
    <row r="1107" spans="2:3" x14ac:dyDescent="0.25">
      <c r="B1107" s="124"/>
      <c r="C1107" s="124" t="s">
        <v>2360</v>
      </c>
    </row>
    <row r="1108" spans="2:3" x14ac:dyDescent="0.25">
      <c r="B1108" s="124"/>
      <c r="C1108" s="124" t="s">
        <v>2361</v>
      </c>
    </row>
    <row r="1109" spans="2:3" x14ac:dyDescent="0.25">
      <c r="B1109" s="124"/>
      <c r="C1109" s="124" t="s">
        <v>2362</v>
      </c>
    </row>
    <row r="1110" spans="2:3" x14ac:dyDescent="0.25">
      <c r="B1110" s="124"/>
      <c r="C1110" s="124" t="s">
        <v>2363</v>
      </c>
    </row>
    <row r="1111" spans="2:3" x14ac:dyDescent="0.25">
      <c r="B1111" s="124"/>
      <c r="C1111" s="124" t="s">
        <v>2364</v>
      </c>
    </row>
    <row r="1112" spans="2:3" x14ac:dyDescent="0.25">
      <c r="B1112" s="124"/>
      <c r="C1112" s="124" t="s">
        <v>2365</v>
      </c>
    </row>
    <row r="1113" spans="2:3" x14ac:dyDescent="0.25">
      <c r="B1113" s="124"/>
      <c r="C1113" s="124" t="s">
        <v>2366</v>
      </c>
    </row>
    <row r="1114" spans="2:3" x14ac:dyDescent="0.25">
      <c r="B1114" s="124"/>
      <c r="C1114" s="124" t="s">
        <v>2367</v>
      </c>
    </row>
    <row r="1115" spans="2:3" x14ac:dyDescent="0.25">
      <c r="B1115" s="124"/>
      <c r="C1115" s="124" t="s">
        <v>2368</v>
      </c>
    </row>
    <row r="1116" spans="2:3" x14ac:dyDescent="0.25">
      <c r="B1116" s="124"/>
      <c r="C1116" s="124" t="s">
        <v>2369</v>
      </c>
    </row>
    <row r="1117" spans="2:3" x14ac:dyDescent="0.25">
      <c r="B1117" s="124"/>
      <c r="C1117" s="124" t="s">
        <v>2370</v>
      </c>
    </row>
    <row r="1118" spans="2:3" ht="15.75" thickBot="1" x14ac:dyDescent="0.3"/>
    <row r="1119" spans="2:3" x14ac:dyDescent="0.25">
      <c r="B1119" s="431" t="s">
        <v>2379</v>
      </c>
      <c r="C1119" s="432"/>
    </row>
    <row r="1120" spans="2:3" ht="33.75" customHeight="1" thickBot="1" x14ac:dyDescent="0.3">
      <c r="B1120" s="417" t="s">
        <v>2380</v>
      </c>
      <c r="C1120" s="418"/>
    </row>
    <row r="1121" spans="2:3" ht="41.25" customHeight="1" x14ac:dyDescent="0.25">
      <c r="B1121" s="122"/>
      <c r="C1121" s="145" t="s">
        <v>2372</v>
      </c>
    </row>
    <row r="1122" spans="2:3" ht="15.75" x14ac:dyDescent="0.25">
      <c r="B1122" s="124"/>
      <c r="C1122" s="145" t="s">
        <v>2377</v>
      </c>
    </row>
    <row r="1123" spans="2:3" x14ac:dyDescent="0.25">
      <c r="B1123" s="124"/>
      <c r="C1123" s="145" t="s">
        <v>2373</v>
      </c>
    </row>
    <row r="1124" spans="2:3" x14ac:dyDescent="0.25">
      <c r="B1124" s="124"/>
      <c r="C1124" s="145" t="s">
        <v>2374</v>
      </c>
    </row>
    <row r="1125" spans="2:3" x14ac:dyDescent="0.25">
      <c r="B1125" s="124"/>
      <c r="C1125" s="145" t="s">
        <v>2378</v>
      </c>
    </row>
    <row r="1126" spans="2:3" x14ac:dyDescent="0.25">
      <c r="B1126" s="124"/>
      <c r="C1126" s="145" t="s">
        <v>2375</v>
      </c>
    </row>
    <row r="1127" spans="2:3" x14ac:dyDescent="0.25">
      <c r="B1127" s="124"/>
      <c r="C1127" s="145" t="s">
        <v>2376</v>
      </c>
    </row>
    <row r="1129" spans="2:3" ht="15.75" thickBot="1" x14ac:dyDescent="0.3"/>
    <row r="1130" spans="2:3" x14ac:dyDescent="0.25">
      <c r="B1130" s="369" t="s">
        <v>2381</v>
      </c>
      <c r="C1130" s="370"/>
    </row>
    <row r="1131" spans="2:3" ht="49.5" customHeight="1" thickBot="1" x14ac:dyDescent="0.3">
      <c r="B1131" s="421" t="s">
        <v>2382</v>
      </c>
      <c r="C1131" s="422"/>
    </row>
    <row r="1132" spans="2:3" x14ac:dyDescent="0.25">
      <c r="B1132" s="122"/>
      <c r="C1132" s="146" t="s">
        <v>2383</v>
      </c>
    </row>
    <row r="1133" spans="2:3" x14ac:dyDescent="0.25">
      <c r="B1133" s="124"/>
      <c r="C1133" s="145" t="s">
        <v>2384</v>
      </c>
    </row>
    <row r="1134" spans="2:3" ht="30" x14ac:dyDescent="0.25">
      <c r="B1134" s="124"/>
      <c r="C1134" s="145" t="s">
        <v>2385</v>
      </c>
    </row>
    <row r="1135" spans="2:3" ht="30" x14ac:dyDescent="0.25">
      <c r="B1135" s="124"/>
      <c r="C1135" s="145" t="s">
        <v>2386</v>
      </c>
    </row>
    <row r="1136" spans="2:3" ht="30" x14ac:dyDescent="0.25">
      <c r="B1136" s="124"/>
      <c r="C1136" s="145" t="s">
        <v>2387</v>
      </c>
    </row>
    <row r="1137" spans="2:3" ht="30" x14ac:dyDescent="0.25">
      <c r="B1137" s="124"/>
      <c r="C1137" s="145" t="s">
        <v>2388</v>
      </c>
    </row>
    <row r="1138" spans="2:3" x14ac:dyDescent="0.25">
      <c r="B1138" s="124"/>
      <c r="C1138" s="145" t="s">
        <v>2389</v>
      </c>
    </row>
    <row r="1139" spans="2:3" x14ac:dyDescent="0.25">
      <c r="B1139" s="122"/>
      <c r="C1139" s="145" t="s">
        <v>2390</v>
      </c>
    </row>
    <row r="1140" spans="2:3" ht="30" x14ac:dyDescent="0.25">
      <c r="B1140" s="124"/>
      <c r="C1140" s="145" t="s">
        <v>2391</v>
      </c>
    </row>
    <row r="1141" spans="2:3" x14ac:dyDescent="0.25">
      <c r="B1141" s="124"/>
      <c r="C1141" s="145" t="s">
        <v>2392</v>
      </c>
    </row>
    <row r="1142" spans="2:3" x14ac:dyDescent="0.25">
      <c r="B1142" s="124"/>
      <c r="C1142" s="145" t="s">
        <v>2393</v>
      </c>
    </row>
    <row r="1143" spans="2:3" x14ac:dyDescent="0.25">
      <c r="B1143" s="124"/>
      <c r="C1143" s="145" t="s">
        <v>2394</v>
      </c>
    </row>
    <row r="1144" spans="2:3" x14ac:dyDescent="0.25">
      <c r="B1144" s="124"/>
      <c r="C1144" s="145" t="s">
        <v>2395</v>
      </c>
    </row>
    <row r="1145" spans="2:3" x14ac:dyDescent="0.25">
      <c r="B1145" s="124"/>
      <c r="C1145" s="145" t="s">
        <v>2396</v>
      </c>
    </row>
    <row r="1146" spans="2:3" ht="30" x14ac:dyDescent="0.25">
      <c r="B1146" s="122"/>
      <c r="C1146" s="145" t="s">
        <v>2397</v>
      </c>
    </row>
    <row r="1147" spans="2:3" x14ac:dyDescent="0.25">
      <c r="B1147" s="124"/>
      <c r="C1147" s="145" t="s">
        <v>2398</v>
      </c>
    </row>
    <row r="1148" spans="2:3" x14ac:dyDescent="0.25">
      <c r="B1148" s="124"/>
      <c r="C1148" s="145" t="s">
        <v>2399</v>
      </c>
    </row>
    <row r="1149" spans="2:3" x14ac:dyDescent="0.25">
      <c r="B1149" s="124"/>
      <c r="C1149" s="145" t="s">
        <v>2400</v>
      </c>
    </row>
    <row r="1150" spans="2:3" ht="30" x14ac:dyDescent="0.25">
      <c r="B1150" s="124"/>
      <c r="C1150" s="145" t="s">
        <v>2401</v>
      </c>
    </row>
    <row r="1151" spans="2:3" x14ac:dyDescent="0.25">
      <c r="B1151" s="124"/>
      <c r="C1151" s="145" t="s">
        <v>2402</v>
      </c>
    </row>
    <row r="1152" spans="2:3" ht="30" x14ac:dyDescent="0.25">
      <c r="B1152" s="124"/>
      <c r="C1152" s="145" t="s">
        <v>2403</v>
      </c>
    </row>
    <row r="1153" spans="2:3" ht="30" x14ac:dyDescent="0.25">
      <c r="B1153" s="122"/>
      <c r="C1153" s="145" t="s">
        <v>2404</v>
      </c>
    </row>
    <row r="1154" spans="2:3" ht="30" x14ac:dyDescent="0.25">
      <c r="B1154" s="124"/>
      <c r="C1154" s="145" t="s">
        <v>2405</v>
      </c>
    </row>
    <row r="1155" spans="2:3" ht="30" x14ac:dyDescent="0.25">
      <c r="B1155" s="124"/>
      <c r="C1155" s="145" t="s">
        <v>2406</v>
      </c>
    </row>
    <row r="1156" spans="2:3" ht="30" x14ac:dyDescent="0.25">
      <c r="B1156" s="124"/>
      <c r="C1156" s="145" t="s">
        <v>2407</v>
      </c>
    </row>
    <row r="1157" spans="2:3" x14ac:dyDescent="0.25">
      <c r="B1157" s="124"/>
      <c r="C1157" s="145" t="s">
        <v>2408</v>
      </c>
    </row>
    <row r="1158" spans="2:3" ht="30" x14ac:dyDescent="0.25">
      <c r="B1158" s="124"/>
      <c r="C1158" s="145" t="s">
        <v>2409</v>
      </c>
    </row>
    <row r="1159" spans="2:3" ht="30" x14ac:dyDescent="0.25">
      <c r="B1159" s="124"/>
      <c r="C1159" s="145" t="s">
        <v>2410</v>
      </c>
    </row>
    <row r="1160" spans="2:3" x14ac:dyDescent="0.25">
      <c r="B1160" s="122"/>
      <c r="C1160" s="145" t="s">
        <v>2411</v>
      </c>
    </row>
    <row r="1161" spans="2:3" ht="30" x14ac:dyDescent="0.25">
      <c r="B1161" s="124"/>
      <c r="C1161" s="145" t="s">
        <v>2412</v>
      </c>
    </row>
    <row r="1162" spans="2:3" x14ac:dyDescent="0.25">
      <c r="B1162" s="124"/>
      <c r="C1162" s="145" t="s">
        <v>2413</v>
      </c>
    </row>
    <row r="1163" spans="2:3" x14ac:dyDescent="0.25">
      <c r="B1163" s="124"/>
      <c r="C1163" s="145" t="s">
        <v>2414</v>
      </c>
    </row>
    <row r="1164" spans="2:3" ht="30" x14ac:dyDescent="0.25">
      <c r="B1164" s="124"/>
      <c r="C1164" s="145" t="s">
        <v>2415</v>
      </c>
    </row>
    <row r="1165" spans="2:3" ht="30" x14ac:dyDescent="0.25">
      <c r="B1165" s="124"/>
      <c r="C1165" s="145" t="s">
        <v>2416</v>
      </c>
    </row>
    <row r="1166" spans="2:3" x14ac:dyDescent="0.25">
      <c r="B1166" s="124"/>
      <c r="C1166" s="145" t="s">
        <v>2417</v>
      </c>
    </row>
    <row r="1167" spans="2:3" x14ac:dyDescent="0.25">
      <c r="B1167" s="122"/>
      <c r="C1167" s="145" t="s">
        <v>2418</v>
      </c>
    </row>
    <row r="1168" spans="2:3" ht="30" x14ac:dyDescent="0.25">
      <c r="B1168" s="124"/>
      <c r="C1168" s="145" t="s">
        <v>2419</v>
      </c>
    </row>
    <row r="1169" spans="2:3" x14ac:dyDescent="0.25">
      <c r="B1169" s="124"/>
      <c r="C1169" s="145" t="s">
        <v>2420</v>
      </c>
    </row>
    <row r="1170" spans="2:3" x14ac:dyDescent="0.25">
      <c r="B1170" s="124"/>
      <c r="C1170" s="145" t="s">
        <v>2421</v>
      </c>
    </row>
    <row r="1171" spans="2:3" ht="30" x14ac:dyDescent="0.25">
      <c r="B1171" s="124"/>
      <c r="C1171" s="145" t="s">
        <v>2422</v>
      </c>
    </row>
    <row r="1172" spans="2:3" x14ac:dyDescent="0.25">
      <c r="B1172" s="124"/>
      <c r="C1172" s="145" t="s">
        <v>2423</v>
      </c>
    </row>
    <row r="1173" spans="2:3" x14ac:dyDescent="0.25">
      <c r="B1173" s="124"/>
      <c r="C1173" s="145" t="s">
        <v>2424</v>
      </c>
    </row>
    <row r="1174" spans="2:3" ht="30" x14ac:dyDescent="0.25">
      <c r="B1174" s="122"/>
      <c r="C1174" s="145" t="s">
        <v>2425</v>
      </c>
    </row>
    <row r="1175" spans="2:3" ht="30" x14ac:dyDescent="0.25">
      <c r="B1175" s="124"/>
      <c r="C1175" s="145" t="s">
        <v>2426</v>
      </c>
    </row>
    <row r="1177" spans="2:3" ht="15.75" thickBot="1" x14ac:dyDescent="0.3"/>
    <row r="1178" spans="2:3" x14ac:dyDescent="0.25">
      <c r="B1178" s="369" t="s">
        <v>2427</v>
      </c>
      <c r="C1178" s="370"/>
    </row>
    <row r="1179" spans="2:3" ht="44.25" customHeight="1" thickBot="1" x14ac:dyDescent="0.3">
      <c r="B1179" s="421" t="s">
        <v>2428</v>
      </c>
      <c r="C1179" s="422"/>
    </row>
    <row r="1180" spans="2:3" x14ac:dyDescent="0.25">
      <c r="B1180" s="122"/>
      <c r="C1180" s="139" t="s">
        <v>2430</v>
      </c>
    </row>
    <row r="1181" spans="2:3" x14ac:dyDescent="0.25">
      <c r="B1181" s="124"/>
      <c r="C1181" s="124" t="s">
        <v>2429</v>
      </c>
    </row>
    <row r="1183" spans="2:3" ht="15.75" thickBot="1" x14ac:dyDescent="0.3"/>
    <row r="1184" spans="2:3" x14ac:dyDescent="0.25">
      <c r="B1184" s="369" t="s">
        <v>2431</v>
      </c>
      <c r="C1184" s="370"/>
    </row>
    <row r="1185" spans="2:3" ht="36" customHeight="1" thickBot="1" x14ac:dyDescent="0.3">
      <c r="B1185" s="429" t="s">
        <v>2432</v>
      </c>
      <c r="C1185" s="430"/>
    </row>
    <row r="1186" spans="2:3" x14ac:dyDescent="0.25">
      <c r="B1186" s="122"/>
      <c r="C1186" s="122" t="s">
        <v>2433</v>
      </c>
    </row>
    <row r="1187" spans="2:3" x14ac:dyDescent="0.25">
      <c r="B1187" s="124"/>
      <c r="C1187" s="125" t="s">
        <v>2045</v>
      </c>
    </row>
    <row r="1188" spans="2:3" x14ac:dyDescent="0.25">
      <c r="B1188" s="124"/>
      <c r="C1188" s="124" t="s">
        <v>1930</v>
      </c>
    </row>
    <row r="1189" spans="2:3" x14ac:dyDescent="0.25">
      <c r="B1189" s="124"/>
      <c r="C1189" s="124" t="s">
        <v>2434</v>
      </c>
    </row>
    <row r="1190" spans="2:3" x14ac:dyDescent="0.25">
      <c r="B1190" s="124"/>
      <c r="C1190" s="125" t="s">
        <v>2435</v>
      </c>
    </row>
    <row r="1191" spans="2:3" x14ac:dyDescent="0.25">
      <c r="B1191" s="124"/>
      <c r="C1191" s="124" t="s">
        <v>2436</v>
      </c>
    </row>
    <row r="1192" spans="2:3" x14ac:dyDescent="0.25">
      <c r="B1192" s="124"/>
      <c r="C1192" s="124" t="s">
        <v>2046</v>
      </c>
    </row>
    <row r="1193" spans="2:3" x14ac:dyDescent="0.25">
      <c r="B1193" s="124"/>
      <c r="C1193" s="124" t="s">
        <v>2437</v>
      </c>
    </row>
    <row r="1194" spans="2:3" x14ac:dyDescent="0.25">
      <c r="B1194" s="124"/>
      <c r="C1194" s="124" t="s">
        <v>2438</v>
      </c>
    </row>
    <row r="1196" spans="2:3" ht="15.75" thickBot="1" x14ac:dyDescent="0.3"/>
    <row r="1197" spans="2:3" x14ac:dyDescent="0.25">
      <c r="B1197" s="369" t="s">
        <v>2441</v>
      </c>
      <c r="C1197" s="370"/>
    </row>
    <row r="1198" spans="2:3" ht="30.75" customHeight="1" thickBot="1" x14ac:dyDescent="0.3">
      <c r="B1198" s="429" t="s">
        <v>2442</v>
      </c>
      <c r="C1198" s="430"/>
    </row>
    <row r="1199" spans="2:3" x14ac:dyDescent="0.25">
      <c r="B1199" s="122"/>
      <c r="C1199" s="122" t="s">
        <v>2433</v>
      </c>
    </row>
    <row r="1200" spans="2:3" x14ac:dyDescent="0.25">
      <c r="B1200" s="124"/>
      <c r="C1200" s="124" t="s">
        <v>2436</v>
      </c>
    </row>
    <row r="1201" spans="2:3" x14ac:dyDescent="0.25">
      <c r="B1201" s="124"/>
      <c r="C1201" s="124" t="s">
        <v>2443</v>
      </c>
    </row>
    <row r="1202" spans="2:3" x14ac:dyDescent="0.25">
      <c r="B1202" s="124"/>
      <c r="C1202" s="124" t="s">
        <v>2434</v>
      </c>
    </row>
    <row r="1203" spans="2:3" x14ac:dyDescent="0.25">
      <c r="B1203" s="124"/>
      <c r="C1203" s="124" t="s">
        <v>2444</v>
      </c>
    </row>
    <row r="1205" spans="2:3" ht="15.75" thickBot="1" x14ac:dyDescent="0.3"/>
    <row r="1206" spans="2:3" x14ac:dyDescent="0.25">
      <c r="B1206" s="369" t="s">
        <v>2439</v>
      </c>
      <c r="C1206" s="370"/>
    </row>
    <row r="1207" spans="2:3" ht="28.5" customHeight="1" thickBot="1" x14ac:dyDescent="0.3">
      <c r="B1207" s="429" t="s">
        <v>2440</v>
      </c>
      <c r="C1207" s="430"/>
    </row>
    <row r="1208" spans="2:3" x14ac:dyDescent="0.25">
      <c r="B1208" s="122"/>
      <c r="C1208" s="122" t="s">
        <v>2027</v>
      </c>
    </row>
    <row r="1209" spans="2:3" x14ac:dyDescent="0.25">
      <c r="B1209" s="124"/>
      <c r="C1209" s="124" t="s">
        <v>2445</v>
      </c>
    </row>
    <row r="1210" spans="2:3" x14ac:dyDescent="0.25">
      <c r="B1210" s="124"/>
      <c r="C1210" s="124" t="s">
        <v>2446</v>
      </c>
    </row>
    <row r="1211" spans="2:3" x14ac:dyDescent="0.25">
      <c r="B1211" s="124"/>
      <c r="C1211" s="124" t="s">
        <v>2447</v>
      </c>
    </row>
    <row r="1212" spans="2:3" x14ac:dyDescent="0.25">
      <c r="B1212" s="124"/>
      <c r="C1212" s="124" t="s">
        <v>2448</v>
      </c>
    </row>
    <row r="1214" spans="2:3" ht="15.75" thickBot="1" x14ac:dyDescent="0.3"/>
    <row r="1215" spans="2:3" x14ac:dyDescent="0.25">
      <c r="B1215" s="369" t="s">
        <v>2449</v>
      </c>
      <c r="C1215" s="370"/>
    </row>
    <row r="1216" spans="2:3" ht="29.25" customHeight="1" thickBot="1" x14ac:dyDescent="0.3">
      <c r="B1216" s="421" t="s">
        <v>2453</v>
      </c>
      <c r="C1216" s="422"/>
    </row>
    <row r="1217" spans="2:3" x14ac:dyDescent="0.25">
      <c r="B1217" s="122"/>
      <c r="C1217" s="139" t="s">
        <v>2013</v>
      </c>
    </row>
    <row r="1218" spans="2:3" x14ac:dyDescent="0.25">
      <c r="B1218" s="124"/>
      <c r="C1218" s="124" t="s">
        <v>2450</v>
      </c>
    </row>
    <row r="1219" spans="2:3" x14ac:dyDescent="0.25">
      <c r="B1219" s="124"/>
      <c r="C1219" s="124" t="s">
        <v>2451</v>
      </c>
    </row>
    <row r="1220" spans="2:3" x14ac:dyDescent="0.25">
      <c r="B1220" s="124"/>
      <c r="C1220" s="124" t="s">
        <v>2452</v>
      </c>
    </row>
    <row r="1221" spans="2:3" x14ac:dyDescent="0.25">
      <c r="B1221" s="124"/>
      <c r="C1221" s="124" t="s">
        <v>2047</v>
      </c>
    </row>
    <row r="1223" spans="2:3" ht="15.75" thickBot="1" x14ac:dyDescent="0.3"/>
    <row r="1224" spans="2:3" x14ac:dyDescent="0.25">
      <c r="B1224" s="369" t="s">
        <v>2454</v>
      </c>
      <c r="C1224" s="370"/>
    </row>
    <row r="1225" spans="2:3" ht="27.75" customHeight="1" thickBot="1" x14ac:dyDescent="0.3">
      <c r="B1225" s="148"/>
      <c r="C1225" s="147" t="s">
        <v>2455</v>
      </c>
    </row>
    <row r="1226" spans="2:3" x14ac:dyDescent="0.25">
      <c r="B1226" s="122"/>
      <c r="C1226" s="122" t="s">
        <v>2456</v>
      </c>
    </row>
    <row r="1227" spans="2:3" x14ac:dyDescent="0.25">
      <c r="B1227" s="124"/>
      <c r="C1227" s="124" t="s">
        <v>2060</v>
      </c>
    </row>
    <row r="1228" spans="2:3" x14ac:dyDescent="0.25">
      <c r="B1228" s="124"/>
      <c r="C1228" s="124" t="s">
        <v>2457</v>
      </c>
    </row>
    <row r="1229" spans="2:3" x14ac:dyDescent="0.25">
      <c r="B1229" s="124"/>
      <c r="C1229" s="124" t="s">
        <v>2451</v>
      </c>
    </row>
    <row r="1230" spans="2:3" x14ac:dyDescent="0.25">
      <c r="B1230" s="124"/>
      <c r="C1230" s="124" t="s">
        <v>2458</v>
      </c>
    </row>
    <row r="1231" spans="2:3" x14ac:dyDescent="0.25">
      <c r="B1231" s="124"/>
      <c r="C1231" s="124" t="s">
        <v>2459</v>
      </c>
    </row>
    <row r="1232" spans="2:3" x14ac:dyDescent="0.25">
      <c r="B1232" s="124"/>
      <c r="C1232" s="124" t="s">
        <v>2460</v>
      </c>
    </row>
    <row r="1233" spans="2:3" ht="30" x14ac:dyDescent="0.25">
      <c r="B1233" s="124"/>
      <c r="C1233" s="125" t="s">
        <v>2461</v>
      </c>
    </row>
    <row r="1234" spans="2:3" x14ac:dyDescent="0.25">
      <c r="B1234" s="124"/>
      <c r="C1234" s="124" t="s">
        <v>2462</v>
      </c>
    </row>
    <row r="1235" spans="2:3" x14ac:dyDescent="0.25">
      <c r="B1235" s="124"/>
      <c r="C1235" s="124" t="s">
        <v>2463</v>
      </c>
    </row>
    <row r="1237" spans="2:3" ht="15.75" thickBot="1" x14ac:dyDescent="0.3"/>
    <row r="1238" spans="2:3" x14ac:dyDescent="0.25">
      <c r="B1238" s="369" t="s">
        <v>2464</v>
      </c>
      <c r="C1238" s="370"/>
    </row>
    <row r="1239" spans="2:3" ht="30" customHeight="1" thickBot="1" x14ac:dyDescent="0.3">
      <c r="B1239" s="429" t="s">
        <v>2465</v>
      </c>
      <c r="C1239" s="430"/>
    </row>
    <row r="1240" spans="2:3" x14ac:dyDescent="0.25">
      <c r="B1240" s="122"/>
      <c r="C1240" s="122" t="s">
        <v>2466</v>
      </c>
    </row>
    <row r="1242" spans="2:3" ht="15.75" thickBot="1" x14ac:dyDescent="0.3"/>
    <row r="1243" spans="2:3" x14ac:dyDescent="0.25">
      <c r="B1243" s="363" t="s">
        <v>2467</v>
      </c>
      <c r="C1243" s="364"/>
    </row>
    <row r="1244" spans="2:3" ht="36" customHeight="1" x14ac:dyDescent="0.25">
      <c r="B1244" s="365" t="s">
        <v>2468</v>
      </c>
      <c r="C1244" s="366"/>
    </row>
    <row r="1245" spans="2:3" x14ac:dyDescent="0.25">
      <c r="B1245" s="124"/>
      <c r="C1245" s="124" t="s">
        <v>2469</v>
      </c>
    </row>
    <row r="1246" spans="2:3" x14ac:dyDescent="0.25">
      <c r="B1246" s="124"/>
      <c r="C1246" s="124" t="s">
        <v>2470</v>
      </c>
    </row>
    <row r="1247" spans="2:3" x14ac:dyDescent="0.25">
      <c r="B1247" s="124"/>
      <c r="C1247" s="124" t="s">
        <v>2471</v>
      </c>
    </row>
    <row r="1248" spans="2:3" x14ac:dyDescent="0.25">
      <c r="B1248" s="124"/>
      <c r="C1248" s="124" t="s">
        <v>2472</v>
      </c>
    </row>
    <row r="1249" spans="2:3" x14ac:dyDescent="0.25">
      <c r="B1249" s="124"/>
      <c r="C1249" s="124" t="s">
        <v>2473</v>
      </c>
    </row>
    <row r="1250" spans="2:3" x14ac:dyDescent="0.25">
      <c r="B1250" s="124"/>
      <c r="C1250" s="124" t="s">
        <v>2474</v>
      </c>
    </row>
    <row r="1251" spans="2:3" x14ac:dyDescent="0.25">
      <c r="B1251" s="124"/>
      <c r="C1251" s="124" t="s">
        <v>2475</v>
      </c>
    </row>
    <row r="1252" spans="2:3" x14ac:dyDescent="0.25">
      <c r="B1252" s="124"/>
      <c r="C1252" s="124" t="s">
        <v>2476</v>
      </c>
    </row>
    <row r="1253" spans="2:3" x14ac:dyDescent="0.25">
      <c r="B1253" s="124"/>
      <c r="C1253" s="124" t="s">
        <v>2477</v>
      </c>
    </row>
    <row r="1254" spans="2:3" x14ac:dyDescent="0.25">
      <c r="B1254" s="124"/>
      <c r="C1254" s="124" t="s">
        <v>2478</v>
      </c>
    </row>
    <row r="1255" spans="2:3" x14ac:dyDescent="0.25">
      <c r="B1255" s="124"/>
      <c r="C1255" s="124" t="s">
        <v>2479</v>
      </c>
    </row>
    <row r="1256" spans="2:3" x14ac:dyDescent="0.25">
      <c r="B1256" s="124"/>
      <c r="C1256" s="124" t="s">
        <v>2480</v>
      </c>
    </row>
    <row r="1257" spans="2:3" x14ac:dyDescent="0.25">
      <c r="B1257" s="124"/>
      <c r="C1257" s="124" t="s">
        <v>1717</v>
      </c>
    </row>
    <row r="1258" spans="2:3" x14ac:dyDescent="0.25">
      <c r="B1258" s="124"/>
      <c r="C1258" s="124" t="s">
        <v>2481</v>
      </c>
    </row>
    <row r="1259" spans="2:3" x14ac:dyDescent="0.25">
      <c r="B1259" s="124"/>
      <c r="C1259" s="124" t="s">
        <v>2482</v>
      </c>
    </row>
  </sheetData>
  <sheetProtection password="F113" sheet="1" objects="1" scenarios="1"/>
  <customSheetViews>
    <customSheetView guid="{EC814CE1-0F1E-4212-A340-F06F8C30AE5D}" topLeftCell="A1236">
      <selection activeCell="C1259" sqref="C1259"/>
      <pageMargins left="0.7" right="0.7" top="0.75" bottom="0.75" header="0.3" footer="0.3"/>
      <pageSetup paperSize="9" orientation="portrait" r:id="rId1"/>
    </customSheetView>
    <customSheetView guid="{A251BD93-D9C7-4F55-9631-01CAEE64168F}" topLeftCell="A1236">
      <selection activeCell="C1259" sqref="C1259"/>
      <pageMargins left="0.7" right="0.7" top="0.75" bottom="0.75" header="0.3" footer="0.3"/>
      <pageSetup paperSize="9" orientation="portrait" r:id="rId2"/>
    </customSheetView>
  </customSheetViews>
  <mergeCells count="160">
    <mergeCell ref="B1224:C1224"/>
    <mergeCell ref="B1238:C1238"/>
    <mergeCell ref="B1239:C1239"/>
    <mergeCell ref="B1184:C1184"/>
    <mergeCell ref="B1185:C1185"/>
    <mergeCell ref="B1119:C1119"/>
    <mergeCell ref="B1120:C1120"/>
    <mergeCell ref="B1130:C1130"/>
    <mergeCell ref="B1131:C1131"/>
    <mergeCell ref="B1215:C1215"/>
    <mergeCell ref="B1216:C1216"/>
    <mergeCell ref="B1197:C1197"/>
    <mergeCell ref="B1198:C1198"/>
    <mergeCell ref="B1206:C1206"/>
    <mergeCell ref="B1207:C1207"/>
    <mergeCell ref="B1073:C1073"/>
    <mergeCell ref="B1074:C1074"/>
    <mergeCell ref="B1079:C1079"/>
    <mergeCell ref="B1090:C1090"/>
    <mergeCell ref="B1091:C1091"/>
    <mergeCell ref="B1100:C1100"/>
    <mergeCell ref="B1101:C1101"/>
    <mergeCell ref="B1178:C1178"/>
    <mergeCell ref="B1179:C1179"/>
    <mergeCell ref="B1050:C1050"/>
    <mergeCell ref="B1051:C1051"/>
    <mergeCell ref="B1056:C1056"/>
    <mergeCell ref="B1057:C1057"/>
    <mergeCell ref="B1034:C1034"/>
    <mergeCell ref="B1035:C1035"/>
    <mergeCell ref="B1011:C1011"/>
    <mergeCell ref="B1012:C1012"/>
    <mergeCell ref="B992:C992"/>
    <mergeCell ref="B1041:C1041"/>
    <mergeCell ref="B1042:C1042"/>
    <mergeCell ref="B991:C991"/>
    <mergeCell ref="B911:C911"/>
    <mergeCell ref="B912:C912"/>
    <mergeCell ref="B975:C975"/>
    <mergeCell ref="B976:C976"/>
    <mergeCell ref="B1004:C1004"/>
    <mergeCell ref="B1020:C1020"/>
    <mergeCell ref="B1021:C1021"/>
    <mergeCell ref="B887:C887"/>
    <mergeCell ref="B888:C888"/>
    <mergeCell ref="B893:C893"/>
    <mergeCell ref="B894:C894"/>
    <mergeCell ref="B980:C980"/>
    <mergeCell ref="B981:C981"/>
    <mergeCell ref="B997:C997"/>
    <mergeCell ref="B998:C998"/>
    <mergeCell ref="B1003:C1003"/>
    <mergeCell ref="B881:C881"/>
    <mergeCell ref="B781:C781"/>
    <mergeCell ref="B782:C782"/>
    <mergeCell ref="B736:C736"/>
    <mergeCell ref="B766:C766"/>
    <mergeCell ref="B767:C767"/>
    <mergeCell ref="B787:C787"/>
    <mergeCell ref="B788:C788"/>
    <mergeCell ref="B806:C806"/>
    <mergeCell ref="B807:C807"/>
    <mergeCell ref="B829:C829"/>
    <mergeCell ref="B830:C830"/>
    <mergeCell ref="B856:C856"/>
    <mergeCell ref="B857:C857"/>
    <mergeCell ref="B793:C793"/>
    <mergeCell ref="B794:C794"/>
    <mergeCell ref="B815:C815"/>
    <mergeCell ref="B816:C816"/>
    <mergeCell ref="B880:C880"/>
    <mergeCell ref="B57:C57"/>
    <mergeCell ref="B58:C58"/>
    <mergeCell ref="B237:C237"/>
    <mergeCell ref="B199:C199"/>
    <mergeCell ref="B248:C248"/>
    <mergeCell ref="B249:C249"/>
    <mergeCell ref="B164:C164"/>
    <mergeCell ref="B195:C195"/>
    <mergeCell ref="B194:C194"/>
    <mergeCell ref="B184:C184"/>
    <mergeCell ref="B185:C185"/>
    <mergeCell ref="B207:C207"/>
    <mergeCell ref="B208:C208"/>
    <mergeCell ref="B238:C238"/>
    <mergeCell ref="B220:C220"/>
    <mergeCell ref="B221:C221"/>
    <mergeCell ref="B70:B161"/>
    <mergeCell ref="B68:C68"/>
    <mergeCell ref="B69:C69"/>
    <mergeCell ref="B2:C2"/>
    <mergeCell ref="B3:C3"/>
    <mergeCell ref="B45:C45"/>
    <mergeCell ref="B46:C46"/>
    <mergeCell ref="B12:C12"/>
    <mergeCell ref="B13:C13"/>
    <mergeCell ref="B30:C30"/>
    <mergeCell ref="B18:C18"/>
    <mergeCell ref="B19:C19"/>
    <mergeCell ref="B516:C516"/>
    <mergeCell ref="B503:C503"/>
    <mergeCell ref="B504:C504"/>
    <mergeCell ref="B493:C493"/>
    <mergeCell ref="B263:C263"/>
    <mergeCell ref="B163:C163"/>
    <mergeCell ref="B200:C200"/>
    <mergeCell ref="B188:C188"/>
    <mergeCell ref="B189:C189"/>
    <mergeCell ref="B344:C344"/>
    <mergeCell ref="B362:C362"/>
    <mergeCell ref="B363:C363"/>
    <mergeCell ref="B343:C343"/>
    <mergeCell ref="B371:C371"/>
    <mergeCell ref="B370:C370"/>
    <mergeCell ref="B264:C264"/>
    <mergeCell ref="B338:C338"/>
    <mergeCell ref="B339:C339"/>
    <mergeCell ref="B271:C271"/>
    <mergeCell ref="B272:C272"/>
    <mergeCell ref="B400:C400"/>
    <mergeCell ref="B399:C399"/>
    <mergeCell ref="B492:C492"/>
    <mergeCell ref="B485:C485"/>
    <mergeCell ref="B486:C486"/>
    <mergeCell ref="B460:C460"/>
    <mergeCell ref="B461:C461"/>
    <mergeCell ref="B479:C479"/>
    <mergeCell ref="B480:C480"/>
    <mergeCell ref="B406:C406"/>
    <mergeCell ref="B407:C407"/>
    <mergeCell ref="B438:C438"/>
    <mergeCell ref="B439:C439"/>
    <mergeCell ref="B424:C424"/>
    <mergeCell ref="B425:C425"/>
    <mergeCell ref="B450:C450"/>
    <mergeCell ref="B451:C451"/>
    <mergeCell ref="B1243:C1243"/>
    <mergeCell ref="B1244:C1244"/>
    <mergeCell ref="B517:C517"/>
    <mergeCell ref="B1063:C1063"/>
    <mergeCell ref="B1064:C1064"/>
    <mergeCell ref="B575:C575"/>
    <mergeCell ref="B521:C521"/>
    <mergeCell ref="B522:C522"/>
    <mergeCell ref="B574:C574"/>
    <mergeCell ref="B586:C586"/>
    <mergeCell ref="B683:C683"/>
    <mergeCell ref="B718:C718"/>
    <mergeCell ref="B719:C719"/>
    <mergeCell ref="B735:C735"/>
    <mergeCell ref="B727:C727"/>
    <mergeCell ref="B728:C728"/>
    <mergeCell ref="B653:C653"/>
    <mergeCell ref="B664:C664"/>
    <mergeCell ref="B682:C682"/>
    <mergeCell ref="B587:C588"/>
    <mergeCell ref="B654:C654"/>
    <mergeCell ref="B665:C665"/>
    <mergeCell ref="B554:C554"/>
    <mergeCell ref="B555:C555"/>
  </mergeCells>
  <pageMargins left="0.7" right="0.7" top="0.75" bottom="0.75" header="0.3" footer="0.3"/>
  <pageSetup paperSize="9" orientation="portrait"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B1:K1247"/>
  <sheetViews>
    <sheetView workbookViewId="0">
      <selection activeCell="C8" sqref="C8"/>
    </sheetView>
  </sheetViews>
  <sheetFormatPr defaultColWidth="9.140625" defaultRowHeight="15" x14ac:dyDescent="0.25"/>
  <cols>
    <col min="1" max="1" width="7.140625" style="88" customWidth="1"/>
    <col min="2" max="2" width="9.140625" style="88"/>
    <col min="3" max="3" width="65" style="88" customWidth="1"/>
    <col min="4" max="5" width="9.140625" style="88"/>
    <col min="6" max="6" width="67.42578125" style="88" customWidth="1"/>
    <col min="7" max="16384" width="9.140625" style="88"/>
  </cols>
  <sheetData>
    <row r="1" spans="2:3" ht="15.75" thickBot="1" x14ac:dyDescent="0.3"/>
    <row r="2" spans="2:3" ht="19.5" thickBot="1" x14ac:dyDescent="0.35">
      <c r="B2" s="435" t="s">
        <v>2484</v>
      </c>
      <c r="C2" s="436"/>
    </row>
    <row r="3" spans="2:3" ht="15.75" thickBot="1" x14ac:dyDescent="0.3"/>
    <row r="4" spans="2:3" ht="15.75" thickBot="1" x14ac:dyDescent="0.3">
      <c r="B4" s="367" t="s">
        <v>2483</v>
      </c>
      <c r="C4" s="368"/>
    </row>
    <row r="5" spans="2:3" ht="15.75" thickBot="1" x14ac:dyDescent="0.3">
      <c r="B5" s="437" t="s">
        <v>2544</v>
      </c>
      <c r="C5" s="438"/>
    </row>
    <row r="6" spans="2:3" ht="15" customHeight="1" x14ac:dyDescent="0.25">
      <c r="B6" s="89"/>
      <c r="C6" s="84" t="s">
        <v>2485</v>
      </c>
    </row>
    <row r="7" spans="2:3" x14ac:dyDescent="0.25">
      <c r="B7" s="90"/>
      <c r="C7" s="85" t="s">
        <v>2486</v>
      </c>
    </row>
    <row r="8" spans="2:3" ht="15" customHeight="1" x14ac:dyDescent="0.25">
      <c r="B8" s="90"/>
      <c r="C8" s="85" t="s">
        <v>2487</v>
      </c>
    </row>
    <row r="9" spans="2:3" ht="15" customHeight="1" x14ac:dyDescent="0.25">
      <c r="B9" s="90"/>
      <c r="C9" s="85" t="s">
        <v>2488</v>
      </c>
    </row>
    <row r="10" spans="2:3" ht="15" customHeight="1" x14ac:dyDescent="0.25">
      <c r="B10" s="90"/>
      <c r="C10" s="85" t="s">
        <v>2489</v>
      </c>
    </row>
    <row r="11" spans="2:3" ht="15" customHeight="1" thickBot="1" x14ac:dyDescent="0.3">
      <c r="B11" s="91"/>
      <c r="C11" s="85" t="s">
        <v>2490</v>
      </c>
    </row>
    <row r="12" spans="2:3" ht="15.75" customHeight="1" thickBot="1" x14ac:dyDescent="0.3"/>
    <row r="13" spans="2:3" ht="15.75" customHeight="1" thickBot="1" x14ac:dyDescent="0.3">
      <c r="B13" s="367" t="s">
        <v>2491</v>
      </c>
      <c r="C13" s="368"/>
    </row>
    <row r="14" spans="2:3" ht="30.75" customHeight="1" thickBot="1" x14ac:dyDescent="0.3">
      <c r="B14" s="373" t="s">
        <v>2492</v>
      </c>
      <c r="C14" s="368"/>
    </row>
    <row r="15" spans="2:3" x14ac:dyDescent="0.25">
      <c r="B15" s="101"/>
      <c r="C15" s="122" t="s">
        <v>2493</v>
      </c>
    </row>
    <row r="16" spans="2:3" x14ac:dyDescent="0.25">
      <c r="B16" s="101"/>
      <c r="C16" s="124" t="s">
        <v>2494</v>
      </c>
    </row>
    <row r="17" spans="2:3" x14ac:dyDescent="0.25">
      <c r="B17" s="101"/>
      <c r="C17" s="124" t="s">
        <v>2495</v>
      </c>
    </row>
    <row r="18" spans="2:3" x14ac:dyDescent="0.25">
      <c r="B18" s="101"/>
      <c r="C18" s="124" t="s">
        <v>2496</v>
      </c>
    </row>
    <row r="19" spans="2:3" x14ac:dyDescent="0.25">
      <c r="B19" s="101"/>
      <c r="C19" s="124" t="s">
        <v>2497</v>
      </c>
    </row>
    <row r="20" spans="2:3" x14ac:dyDescent="0.25">
      <c r="B20" s="101"/>
      <c r="C20" s="124" t="s">
        <v>2498</v>
      </c>
    </row>
    <row r="21" spans="2:3" x14ac:dyDescent="0.25">
      <c r="B21" s="101"/>
      <c r="C21" s="124" t="s">
        <v>2499</v>
      </c>
    </row>
    <row r="22" spans="2:3" x14ac:dyDescent="0.25">
      <c r="B22" s="101"/>
      <c r="C22" s="124" t="s">
        <v>2500</v>
      </c>
    </row>
    <row r="23" spans="2:3" x14ac:dyDescent="0.25">
      <c r="B23" s="101"/>
      <c r="C23" s="124" t="s">
        <v>2501</v>
      </c>
    </row>
    <row r="24" spans="2:3" x14ac:dyDescent="0.25">
      <c r="B24" s="101"/>
      <c r="C24" s="124" t="s">
        <v>2502</v>
      </c>
    </row>
    <row r="25" spans="2:3" x14ac:dyDescent="0.25">
      <c r="B25" s="101"/>
      <c r="C25" s="124" t="s">
        <v>2503</v>
      </c>
    </row>
    <row r="26" spans="2:3" x14ac:dyDescent="0.25">
      <c r="B26" s="101"/>
      <c r="C26" s="124" t="s">
        <v>2504</v>
      </c>
    </row>
    <row r="27" spans="2:3" x14ac:dyDescent="0.25">
      <c r="B27" s="101"/>
      <c r="C27" s="124" t="s">
        <v>2505</v>
      </c>
    </row>
    <row r="28" spans="2:3" x14ac:dyDescent="0.25">
      <c r="B28" s="101"/>
      <c r="C28" s="124" t="s">
        <v>2506</v>
      </c>
    </row>
    <row r="29" spans="2:3" x14ac:dyDescent="0.25">
      <c r="B29" s="101"/>
      <c r="C29" s="124" t="s">
        <v>2507</v>
      </c>
    </row>
    <row r="30" spans="2:3" x14ac:dyDescent="0.25">
      <c r="B30" s="101"/>
      <c r="C30" s="124" t="s">
        <v>2508</v>
      </c>
    </row>
    <row r="31" spans="2:3" x14ac:dyDescent="0.25">
      <c r="B31" s="101"/>
      <c r="C31" s="124" t="s">
        <v>2509</v>
      </c>
    </row>
    <row r="32" spans="2:3" x14ac:dyDescent="0.25">
      <c r="B32" s="101"/>
      <c r="C32" s="124" t="s">
        <v>1878</v>
      </c>
    </row>
    <row r="33" spans="2:3" x14ac:dyDescent="0.25">
      <c r="B33" s="101"/>
      <c r="C33" s="124" t="s">
        <v>2510</v>
      </c>
    </row>
    <row r="34" spans="2:3" ht="15" customHeight="1" x14ac:dyDescent="0.25">
      <c r="B34" s="101"/>
      <c r="C34" s="124" t="s">
        <v>2511</v>
      </c>
    </row>
    <row r="35" spans="2:3" x14ac:dyDescent="0.25">
      <c r="B35" s="101"/>
      <c r="C35" s="124" t="s">
        <v>2512</v>
      </c>
    </row>
    <row r="36" spans="2:3" x14ac:dyDescent="0.25">
      <c r="B36" s="101"/>
      <c r="C36" s="124" t="s">
        <v>2513</v>
      </c>
    </row>
    <row r="37" spans="2:3" ht="15.75" thickBot="1" x14ac:dyDescent="0.3">
      <c r="B37" s="102"/>
      <c r="C37" s="124" t="s">
        <v>2514</v>
      </c>
    </row>
    <row r="38" spans="2:3" ht="15.75" thickBot="1" x14ac:dyDescent="0.3"/>
    <row r="39" spans="2:3" ht="15.75" thickBot="1" x14ac:dyDescent="0.3">
      <c r="B39" s="367" t="s">
        <v>2519</v>
      </c>
      <c r="C39" s="368"/>
    </row>
    <row r="40" spans="2:3" ht="35.25" customHeight="1" thickBot="1" x14ac:dyDescent="0.3">
      <c r="B40" s="373" t="s">
        <v>2515</v>
      </c>
      <c r="C40" s="368"/>
    </row>
    <row r="41" spans="2:3" x14ac:dyDescent="0.25">
      <c r="B41" s="124"/>
      <c r="C41" s="124" t="s">
        <v>2516</v>
      </c>
    </row>
    <row r="42" spans="2:3" x14ac:dyDescent="0.25">
      <c r="B42" s="124"/>
      <c r="C42" s="124" t="s">
        <v>2517</v>
      </c>
    </row>
    <row r="43" spans="2:3" x14ac:dyDescent="0.25">
      <c r="B43" s="124"/>
      <c r="C43" s="124" t="s">
        <v>1715</v>
      </c>
    </row>
    <row r="44" spans="2:3" x14ac:dyDescent="0.25">
      <c r="B44" s="124"/>
      <c r="C44" s="124" t="s">
        <v>2518</v>
      </c>
    </row>
    <row r="45" spans="2:3" x14ac:dyDescent="0.25">
      <c r="B45" s="124"/>
      <c r="C45" s="124" t="s">
        <v>2520</v>
      </c>
    </row>
    <row r="46" spans="2:3" ht="15.75" thickBot="1" x14ac:dyDescent="0.3"/>
    <row r="47" spans="2:3" ht="15.75" thickBot="1" x14ac:dyDescent="0.3">
      <c r="B47" s="367" t="s">
        <v>2521</v>
      </c>
      <c r="C47" s="368"/>
    </row>
    <row r="48" spans="2:3" ht="30" customHeight="1" thickBot="1" x14ac:dyDescent="0.3">
      <c r="B48" s="373" t="s">
        <v>2522</v>
      </c>
      <c r="C48" s="368"/>
    </row>
    <row r="49" spans="2:3" x14ac:dyDescent="0.25">
      <c r="B49" s="124"/>
      <c r="C49" s="124" t="s">
        <v>2523</v>
      </c>
    </row>
    <row r="50" spans="2:3" x14ac:dyDescent="0.25">
      <c r="B50" s="124"/>
      <c r="C50" s="124" t="s">
        <v>2518</v>
      </c>
    </row>
    <row r="51" spans="2:3" ht="15.75" thickBot="1" x14ac:dyDescent="0.3"/>
    <row r="52" spans="2:3" ht="15.75" thickBot="1" x14ac:dyDescent="0.3">
      <c r="B52" s="367" t="s">
        <v>2524</v>
      </c>
      <c r="C52" s="368"/>
    </row>
    <row r="53" spans="2:3" ht="15.75" thickBot="1" x14ac:dyDescent="0.3">
      <c r="B53" s="373" t="s">
        <v>2525</v>
      </c>
      <c r="C53" s="368"/>
    </row>
    <row r="54" spans="2:3" x14ac:dyDescent="0.25">
      <c r="B54" s="122"/>
      <c r="C54" s="122" t="s">
        <v>2526</v>
      </c>
    </row>
    <row r="55" spans="2:3" x14ac:dyDescent="0.25">
      <c r="B55" s="124"/>
      <c r="C55" s="124" t="s">
        <v>2527</v>
      </c>
    </row>
    <row r="56" spans="2:3" x14ac:dyDescent="0.25">
      <c r="B56" s="124"/>
      <c r="C56" s="124" t="s">
        <v>2528</v>
      </c>
    </row>
    <row r="57" spans="2:3" x14ac:dyDescent="0.25">
      <c r="B57" s="124"/>
      <c r="C57" s="124" t="s">
        <v>2529</v>
      </c>
    </row>
    <row r="58" spans="2:3" x14ac:dyDescent="0.25">
      <c r="B58" s="124"/>
      <c r="C58" s="124" t="s">
        <v>2530</v>
      </c>
    </row>
    <row r="59" spans="2:3" x14ac:dyDescent="0.25">
      <c r="B59" s="124"/>
      <c r="C59" s="124" t="s">
        <v>2531</v>
      </c>
    </row>
    <row r="60" spans="2:3" x14ac:dyDescent="0.25">
      <c r="B60" s="124"/>
      <c r="C60" s="124" t="s">
        <v>2532</v>
      </c>
    </row>
    <row r="61" spans="2:3" x14ac:dyDescent="0.25">
      <c r="B61" s="124"/>
      <c r="C61" s="124" t="s">
        <v>2533</v>
      </c>
    </row>
    <row r="62" spans="2:3" ht="16.5" customHeight="1" x14ac:dyDescent="0.25">
      <c r="B62" s="124"/>
      <c r="C62" s="124" t="s">
        <v>2534</v>
      </c>
    </row>
    <row r="63" spans="2:3" ht="16.5" customHeight="1" x14ac:dyDescent="0.25">
      <c r="B63" s="124"/>
      <c r="C63" s="124" t="s">
        <v>2535</v>
      </c>
    </row>
    <row r="64" spans="2:3" ht="16.5" customHeight="1" x14ac:dyDescent="0.25">
      <c r="B64" s="124"/>
      <c r="C64" s="124" t="s">
        <v>2536</v>
      </c>
    </row>
    <row r="65" spans="2:11" ht="16.5" customHeight="1" x14ac:dyDescent="0.25">
      <c r="B65" s="124"/>
      <c r="C65" s="124" t="s">
        <v>2537</v>
      </c>
    </row>
    <row r="66" spans="2:11" ht="16.5" customHeight="1" x14ac:dyDescent="0.25">
      <c r="B66" s="124"/>
      <c r="C66" s="124" t="s">
        <v>2538</v>
      </c>
      <c r="E66" s="82"/>
      <c r="F66" s="82"/>
      <c r="G66" s="82"/>
      <c r="H66" s="82"/>
      <c r="I66" s="82"/>
      <c r="J66" s="82"/>
      <c r="K66" s="82"/>
    </row>
    <row r="67" spans="2:11" ht="16.5" customHeight="1" x14ac:dyDescent="0.25">
      <c r="B67" s="124"/>
      <c r="C67" s="124" t="s">
        <v>2539</v>
      </c>
    </row>
    <row r="68" spans="2:11" ht="16.5" customHeight="1" x14ac:dyDescent="0.25">
      <c r="B68" s="124"/>
      <c r="C68" s="124" t="s">
        <v>2540</v>
      </c>
    </row>
    <row r="69" spans="2:11" ht="16.5" customHeight="1" x14ac:dyDescent="0.25">
      <c r="B69" s="124"/>
      <c r="C69" s="124" t="s">
        <v>2541</v>
      </c>
    </row>
    <row r="70" spans="2:11" ht="16.5" customHeight="1" x14ac:dyDescent="0.25">
      <c r="B70" s="124"/>
      <c r="C70" s="124" t="s">
        <v>2542</v>
      </c>
    </row>
    <row r="71" spans="2:11" x14ac:dyDescent="0.25">
      <c r="B71" s="124"/>
      <c r="C71" s="124" t="s">
        <v>2543</v>
      </c>
    </row>
    <row r="72" spans="2:11" ht="15.75" customHeight="1" thickBot="1" x14ac:dyDescent="0.3"/>
    <row r="73" spans="2:11" s="95" customFormat="1" ht="16.5" customHeight="1" thickBot="1" x14ac:dyDescent="0.3">
      <c r="B73" s="367" t="s">
        <v>2545</v>
      </c>
      <c r="C73" s="368"/>
    </row>
    <row r="74" spans="2:11" s="95" customFormat="1" ht="16.5" customHeight="1" thickBot="1" x14ac:dyDescent="0.3">
      <c r="B74" s="373" t="s">
        <v>2546</v>
      </c>
      <c r="C74" s="368"/>
      <c r="D74" s="83"/>
    </row>
    <row r="75" spans="2:11" s="95" customFormat="1" ht="16.5" customHeight="1" x14ac:dyDescent="0.25">
      <c r="B75" s="122"/>
      <c r="C75" s="122" t="s">
        <v>2547</v>
      </c>
      <c r="D75" s="83"/>
    </row>
    <row r="76" spans="2:11" s="95" customFormat="1" ht="16.5" customHeight="1" x14ac:dyDescent="0.25">
      <c r="B76" s="124"/>
      <c r="C76" s="124" t="s">
        <v>2548</v>
      </c>
      <c r="D76" s="83"/>
    </row>
    <row r="77" spans="2:11" s="95" customFormat="1" ht="16.5" customHeight="1" x14ac:dyDescent="0.25">
      <c r="B77" s="124"/>
      <c r="C77" s="124" t="s">
        <v>2549</v>
      </c>
      <c r="D77" s="83"/>
    </row>
    <row r="78" spans="2:11" s="95" customFormat="1" ht="16.5" customHeight="1" x14ac:dyDescent="0.25">
      <c r="B78" s="124"/>
      <c r="C78" s="124" t="s">
        <v>2550</v>
      </c>
      <c r="D78" s="83"/>
    </row>
    <row r="79" spans="2:11" s="95" customFormat="1" ht="16.5" customHeight="1" thickBot="1" x14ac:dyDescent="0.3">
      <c r="D79" s="83"/>
    </row>
    <row r="80" spans="2:11" s="95" customFormat="1" ht="16.5" customHeight="1" thickBot="1" x14ac:dyDescent="0.3">
      <c r="B80" s="367" t="s">
        <v>2551</v>
      </c>
      <c r="C80" s="368"/>
      <c r="D80" s="83"/>
    </row>
    <row r="81" spans="2:4" s="95" customFormat="1" ht="16.5" customHeight="1" thickBot="1" x14ac:dyDescent="0.3">
      <c r="B81" s="373" t="s">
        <v>2552</v>
      </c>
      <c r="C81" s="368"/>
      <c r="D81" s="83"/>
    </row>
    <row r="82" spans="2:4" s="95" customFormat="1" ht="16.5" customHeight="1" x14ac:dyDescent="0.25">
      <c r="B82" s="122"/>
      <c r="C82" s="122" t="s">
        <v>2553</v>
      </c>
      <c r="D82" s="83"/>
    </row>
    <row r="83" spans="2:4" s="95" customFormat="1" ht="16.5" customHeight="1" x14ac:dyDescent="0.25">
      <c r="B83" s="124"/>
      <c r="C83" s="124" t="s">
        <v>2554</v>
      </c>
      <c r="D83" s="83"/>
    </row>
    <row r="84" spans="2:4" s="95" customFormat="1" ht="16.5" customHeight="1" x14ac:dyDescent="0.25">
      <c r="B84" s="124"/>
      <c r="C84" s="124" t="s">
        <v>2555</v>
      </c>
      <c r="D84" s="83"/>
    </row>
    <row r="85" spans="2:4" s="95" customFormat="1" ht="16.5" customHeight="1" x14ac:dyDescent="0.25">
      <c r="B85" s="124"/>
      <c r="C85" s="124" t="s">
        <v>2556</v>
      </c>
      <c r="D85" s="103"/>
    </row>
    <row r="86" spans="2:4" s="95" customFormat="1" ht="16.5" customHeight="1" x14ac:dyDescent="0.25">
      <c r="B86" s="129"/>
      <c r="C86" s="129" t="s">
        <v>2557</v>
      </c>
      <c r="D86" s="83"/>
    </row>
    <row r="87" spans="2:4" s="95" customFormat="1" ht="16.5" customHeight="1" x14ac:dyDescent="0.25">
      <c r="B87" s="129"/>
      <c r="C87" s="129" t="s">
        <v>2558</v>
      </c>
      <c r="D87" s="83"/>
    </row>
    <row r="88" spans="2:4" s="95" customFormat="1" ht="16.5" customHeight="1" x14ac:dyDescent="0.25">
      <c r="B88" s="129"/>
      <c r="C88" s="129" t="s">
        <v>2559</v>
      </c>
      <c r="D88" s="83"/>
    </row>
    <row r="89" spans="2:4" s="95" customFormat="1" ht="16.5" customHeight="1" x14ac:dyDescent="0.25">
      <c r="B89" s="129"/>
      <c r="C89" s="129" t="s">
        <v>2517</v>
      </c>
      <c r="D89" s="83"/>
    </row>
    <row r="90" spans="2:4" s="95" customFormat="1" ht="16.5" customHeight="1" thickBot="1" x14ac:dyDescent="0.3">
      <c r="D90" s="83"/>
    </row>
    <row r="91" spans="2:4" s="95" customFormat="1" ht="16.5" customHeight="1" thickBot="1" x14ac:dyDescent="0.3">
      <c r="B91" s="367" t="s">
        <v>2560</v>
      </c>
      <c r="C91" s="368"/>
      <c r="D91" s="83"/>
    </row>
    <row r="92" spans="2:4" s="95" customFormat="1" ht="16.5" customHeight="1" thickBot="1" x14ac:dyDescent="0.3">
      <c r="B92" s="373" t="s">
        <v>2561</v>
      </c>
      <c r="C92" s="368"/>
      <c r="D92" s="83"/>
    </row>
    <row r="93" spans="2:4" s="95" customFormat="1" ht="16.5" customHeight="1" x14ac:dyDescent="0.25">
      <c r="B93" s="122"/>
      <c r="C93" s="122" t="s">
        <v>2562</v>
      </c>
      <c r="D93" s="83"/>
    </row>
    <row r="94" spans="2:4" s="95" customFormat="1" x14ac:dyDescent="0.25">
      <c r="B94" s="124"/>
      <c r="C94" s="124" t="s">
        <v>2563</v>
      </c>
      <c r="D94" s="83"/>
    </row>
    <row r="95" spans="2:4" s="95" customFormat="1" ht="16.5" customHeight="1" x14ac:dyDescent="0.25">
      <c r="B95" s="124"/>
      <c r="C95" s="124" t="s">
        <v>2564</v>
      </c>
      <c r="D95" s="83"/>
    </row>
    <row r="96" spans="2:4" s="95" customFormat="1" ht="16.5" customHeight="1" x14ac:dyDescent="0.25">
      <c r="B96" s="124"/>
      <c r="C96" s="124" t="s">
        <v>2565</v>
      </c>
      <c r="D96" s="83"/>
    </row>
    <row r="97" spans="2:4" s="95" customFormat="1" ht="16.5" customHeight="1" x14ac:dyDescent="0.25">
      <c r="B97" s="129"/>
      <c r="C97" s="129" t="s">
        <v>2566</v>
      </c>
      <c r="D97" s="83"/>
    </row>
    <row r="98" spans="2:4" s="95" customFormat="1" ht="16.5" customHeight="1" x14ac:dyDescent="0.25">
      <c r="B98" s="129"/>
      <c r="C98" s="129" t="s">
        <v>2567</v>
      </c>
      <c r="D98" s="83"/>
    </row>
    <row r="99" spans="2:4" s="95" customFormat="1" ht="16.5" customHeight="1" x14ac:dyDescent="0.25">
      <c r="B99" s="129"/>
      <c r="C99" s="129" t="s">
        <v>2568</v>
      </c>
      <c r="D99" s="83"/>
    </row>
    <row r="100" spans="2:4" s="95" customFormat="1" ht="16.5" customHeight="1" x14ac:dyDescent="0.25">
      <c r="B100" s="129"/>
      <c r="C100" s="129" t="s">
        <v>2569</v>
      </c>
      <c r="D100" s="83"/>
    </row>
    <row r="101" spans="2:4" s="95" customFormat="1" ht="16.5" customHeight="1" x14ac:dyDescent="0.25">
      <c r="B101" s="129"/>
      <c r="C101" s="129" t="s">
        <v>2570</v>
      </c>
      <c r="D101" s="83"/>
    </row>
    <row r="102" spans="2:4" s="95" customFormat="1" ht="16.5" customHeight="1" x14ac:dyDescent="0.25">
      <c r="B102" s="129"/>
      <c r="C102" s="129" t="s">
        <v>2571</v>
      </c>
      <c r="D102" s="83"/>
    </row>
    <row r="103" spans="2:4" s="95" customFormat="1" ht="16.5" customHeight="1" thickBot="1" x14ac:dyDescent="0.3">
      <c r="D103" s="83"/>
    </row>
    <row r="104" spans="2:4" s="95" customFormat="1" ht="16.5" customHeight="1" thickBot="1" x14ac:dyDescent="0.3">
      <c r="B104" s="367" t="s">
        <v>2572</v>
      </c>
      <c r="C104" s="368"/>
      <c r="D104" s="83"/>
    </row>
    <row r="105" spans="2:4" s="95" customFormat="1" ht="16.5" customHeight="1" thickBot="1" x14ac:dyDescent="0.3">
      <c r="B105" s="373" t="s">
        <v>2573</v>
      </c>
      <c r="C105" s="368"/>
      <c r="D105" s="83"/>
    </row>
    <row r="106" spans="2:4" s="95" customFormat="1" ht="16.5" customHeight="1" x14ac:dyDescent="0.25">
      <c r="B106" s="122"/>
      <c r="C106" s="122" t="s">
        <v>1715</v>
      </c>
      <c r="D106" s="83"/>
    </row>
    <row r="107" spans="2:4" s="95" customFormat="1" ht="16.5" customHeight="1" x14ac:dyDescent="0.25">
      <c r="B107" s="124"/>
      <c r="C107" s="124" t="s">
        <v>2574</v>
      </c>
      <c r="D107" s="83"/>
    </row>
    <row r="108" spans="2:4" s="95" customFormat="1" ht="16.5" customHeight="1" x14ac:dyDescent="0.25">
      <c r="B108" s="124"/>
      <c r="C108" s="124" t="s">
        <v>1717</v>
      </c>
      <c r="D108" s="83"/>
    </row>
    <row r="109" spans="2:4" s="95" customFormat="1" ht="16.5" customHeight="1" x14ac:dyDescent="0.25">
      <c r="B109" s="124"/>
      <c r="C109" s="124" t="s">
        <v>2575</v>
      </c>
      <c r="D109" s="83"/>
    </row>
    <row r="110" spans="2:4" s="95" customFormat="1" ht="16.5" customHeight="1" x14ac:dyDescent="0.25">
      <c r="B110" s="129"/>
      <c r="C110" s="129" t="s">
        <v>2576</v>
      </c>
      <c r="D110" s="83"/>
    </row>
    <row r="111" spans="2:4" s="95" customFormat="1" ht="16.5" customHeight="1" x14ac:dyDescent="0.25">
      <c r="B111" s="129"/>
      <c r="C111" s="129" t="s">
        <v>2577</v>
      </c>
      <c r="D111" s="83"/>
    </row>
    <row r="112" spans="2:4" s="95" customFormat="1" ht="16.5" customHeight="1" thickBot="1" x14ac:dyDescent="0.3">
      <c r="D112" s="83"/>
    </row>
    <row r="113" spans="2:5" s="95" customFormat="1" ht="16.5" customHeight="1" thickBot="1" x14ac:dyDescent="0.3">
      <c r="B113" s="367" t="s">
        <v>2578</v>
      </c>
      <c r="C113" s="368"/>
      <c r="D113" s="83"/>
    </row>
    <row r="114" spans="2:5" s="95" customFormat="1" ht="16.5" customHeight="1" x14ac:dyDescent="0.25">
      <c r="B114" s="393" t="s">
        <v>2579</v>
      </c>
      <c r="C114" s="364"/>
      <c r="D114" s="83"/>
    </row>
    <row r="115" spans="2:5" s="95" customFormat="1" ht="16.5" customHeight="1" x14ac:dyDescent="0.25">
      <c r="B115" s="129"/>
      <c r="C115" s="129" t="s">
        <v>2580</v>
      </c>
      <c r="D115" s="83"/>
    </row>
    <row r="116" spans="2:5" s="95" customFormat="1" ht="16.5" customHeight="1" x14ac:dyDescent="0.25">
      <c r="B116" s="129"/>
      <c r="C116" s="129" t="s">
        <v>2581</v>
      </c>
      <c r="D116" s="83"/>
      <c r="E116"/>
    </row>
    <row r="117" spans="2:5" s="95" customFormat="1" ht="16.5" customHeight="1" x14ac:dyDescent="0.25">
      <c r="B117" s="129"/>
      <c r="C117" s="129" t="s">
        <v>2582</v>
      </c>
      <c r="D117" s="83"/>
      <c r="E117"/>
    </row>
    <row r="118" spans="2:5" s="95" customFormat="1" ht="16.5" customHeight="1" x14ac:dyDescent="0.25">
      <c r="B118" s="129"/>
      <c r="C118" s="129" t="s">
        <v>2583</v>
      </c>
      <c r="D118" s="83"/>
      <c r="E118"/>
    </row>
    <row r="119" spans="2:5" s="95" customFormat="1" ht="16.5" customHeight="1" x14ac:dyDescent="0.25">
      <c r="B119" s="129"/>
      <c r="C119" s="129" t="s">
        <v>2584</v>
      </c>
      <c r="D119" s="83"/>
      <c r="E119"/>
    </row>
    <row r="120" spans="2:5" s="95" customFormat="1" ht="16.5" customHeight="1" x14ac:dyDescent="0.25">
      <c r="B120" s="129"/>
      <c r="C120" s="129" t="s">
        <v>2585</v>
      </c>
      <c r="D120" s="83"/>
      <c r="E120"/>
    </row>
    <row r="121" spans="2:5" s="95" customFormat="1" ht="16.5" customHeight="1" x14ac:dyDescent="0.25">
      <c r="B121" s="129"/>
      <c r="C121" s="129" t="s">
        <v>2586</v>
      </c>
      <c r="D121" s="83"/>
      <c r="E121"/>
    </row>
    <row r="122" spans="2:5" s="95" customFormat="1" ht="16.5" customHeight="1" x14ac:dyDescent="0.25">
      <c r="B122" s="129"/>
      <c r="C122" s="129" t="s">
        <v>2587</v>
      </c>
      <c r="D122" s="83"/>
      <c r="E122"/>
    </row>
    <row r="123" spans="2:5" s="95" customFormat="1" ht="16.5" customHeight="1" x14ac:dyDescent="0.25">
      <c r="B123" s="129"/>
      <c r="C123" s="129" t="s">
        <v>2588</v>
      </c>
      <c r="D123" s="83"/>
      <c r="E123"/>
    </row>
    <row r="124" spans="2:5" s="95" customFormat="1" ht="16.5" customHeight="1" x14ac:dyDescent="0.25">
      <c r="B124" s="129"/>
      <c r="C124" s="129" t="s">
        <v>2589</v>
      </c>
      <c r="E124"/>
    </row>
    <row r="125" spans="2:5" s="95" customFormat="1" ht="16.5" customHeight="1" x14ac:dyDescent="0.25">
      <c r="B125" s="129"/>
      <c r="C125" s="129" t="s">
        <v>2590</v>
      </c>
      <c r="E125"/>
    </row>
    <row r="126" spans="2:5" s="95" customFormat="1" ht="16.5" customHeight="1" x14ac:dyDescent="0.25">
      <c r="B126" s="129"/>
      <c r="C126" s="129" t="s">
        <v>2591</v>
      </c>
      <c r="E126"/>
    </row>
    <row r="127" spans="2:5" s="95" customFormat="1" ht="16.5" customHeight="1" x14ac:dyDescent="0.25">
      <c r="B127" s="129"/>
      <c r="C127" s="129" t="s">
        <v>2592</v>
      </c>
      <c r="E127"/>
    </row>
    <row r="128" spans="2:5" s="95" customFormat="1" ht="16.5" customHeight="1" x14ac:dyDescent="0.25">
      <c r="B128" s="129"/>
      <c r="C128" s="129" t="s">
        <v>2593</v>
      </c>
      <c r="E128"/>
    </row>
    <row r="129" spans="2:5" s="95" customFormat="1" ht="16.5" customHeight="1" x14ac:dyDescent="0.25">
      <c r="B129" s="129"/>
      <c r="C129" s="129" t="s">
        <v>2594</v>
      </c>
      <c r="E129"/>
    </row>
    <row r="130" spans="2:5" s="95" customFormat="1" ht="16.5" customHeight="1" x14ac:dyDescent="0.25">
      <c r="B130" s="129"/>
      <c r="C130" s="129" t="s">
        <v>2595</v>
      </c>
      <c r="E130"/>
    </row>
    <row r="131" spans="2:5" s="95" customFormat="1" ht="16.5" customHeight="1" x14ac:dyDescent="0.25">
      <c r="B131" s="129"/>
      <c r="C131" s="129" t="s">
        <v>2596</v>
      </c>
      <c r="E131"/>
    </row>
    <row r="132" spans="2:5" s="95" customFormat="1" ht="16.5" customHeight="1" x14ac:dyDescent="0.25">
      <c r="B132" s="129"/>
      <c r="C132" s="129" t="s">
        <v>2597</v>
      </c>
      <c r="E132"/>
    </row>
    <row r="133" spans="2:5" s="95" customFormat="1" ht="16.5" customHeight="1" x14ac:dyDescent="0.25">
      <c r="B133" s="129"/>
      <c r="C133" s="129" t="s">
        <v>2598</v>
      </c>
      <c r="E133"/>
    </row>
    <row r="134" spans="2:5" s="95" customFormat="1" ht="16.5" customHeight="1" x14ac:dyDescent="0.25">
      <c r="B134" s="129"/>
      <c r="C134" s="129" t="s">
        <v>2599</v>
      </c>
      <c r="E134"/>
    </row>
    <row r="135" spans="2:5" s="95" customFormat="1" ht="16.5" customHeight="1" x14ac:dyDescent="0.25">
      <c r="B135" s="129"/>
      <c r="C135" s="129" t="s">
        <v>2600</v>
      </c>
      <c r="E135"/>
    </row>
    <row r="136" spans="2:5" s="95" customFormat="1" ht="16.5" customHeight="1" x14ac:dyDescent="0.25">
      <c r="B136" s="129"/>
      <c r="C136" s="129" t="s">
        <v>2601</v>
      </c>
      <c r="E136"/>
    </row>
    <row r="137" spans="2:5" s="95" customFormat="1" ht="16.5" customHeight="1" x14ac:dyDescent="0.25">
      <c r="B137" s="129"/>
      <c r="C137" s="129" t="s">
        <v>2602</v>
      </c>
      <c r="E137"/>
    </row>
    <row r="138" spans="2:5" s="95" customFormat="1" ht="16.5" customHeight="1" x14ac:dyDescent="0.25">
      <c r="B138" s="129"/>
      <c r="C138" s="129" t="s">
        <v>2603</v>
      </c>
      <c r="E138"/>
    </row>
    <row r="139" spans="2:5" s="95" customFormat="1" ht="16.5" customHeight="1" x14ac:dyDescent="0.25">
      <c r="B139" s="129"/>
      <c r="C139" s="129" t="s">
        <v>2604</v>
      </c>
      <c r="E139"/>
    </row>
    <row r="140" spans="2:5" s="95" customFormat="1" ht="16.5" customHeight="1" x14ac:dyDescent="0.25">
      <c r="B140" s="129"/>
      <c r="C140" s="129" t="s">
        <v>2605</v>
      </c>
      <c r="E140"/>
    </row>
    <row r="141" spans="2:5" s="95" customFormat="1" ht="16.5" customHeight="1" x14ac:dyDescent="0.25">
      <c r="B141" s="129"/>
      <c r="C141" s="129" t="s">
        <v>2606</v>
      </c>
      <c r="E141"/>
    </row>
    <row r="142" spans="2:5" s="95" customFormat="1" ht="16.5" customHeight="1" x14ac:dyDescent="0.25">
      <c r="B142" s="129"/>
      <c r="C142" s="129" t="s">
        <v>2607</v>
      </c>
      <c r="E142"/>
    </row>
    <row r="143" spans="2:5" s="95" customFormat="1" ht="16.5" customHeight="1" x14ac:dyDescent="0.25">
      <c r="B143" s="129"/>
      <c r="C143" s="129" t="s">
        <v>2608</v>
      </c>
      <c r="E143"/>
    </row>
    <row r="144" spans="2:5" s="95" customFormat="1" ht="16.5" customHeight="1" x14ac:dyDescent="0.25">
      <c r="B144" s="129"/>
      <c r="C144" s="129" t="s">
        <v>2609</v>
      </c>
      <c r="E144"/>
    </row>
    <row r="145" spans="2:5" s="95" customFormat="1" ht="16.5" customHeight="1" x14ac:dyDescent="0.25">
      <c r="B145" s="129"/>
      <c r="C145" s="129" t="s">
        <v>2610</v>
      </c>
      <c r="E145"/>
    </row>
    <row r="146" spans="2:5" s="95" customFormat="1" ht="16.5" customHeight="1" x14ac:dyDescent="0.25">
      <c r="B146" s="129"/>
      <c r="C146" s="129" t="s">
        <v>2611</v>
      </c>
      <c r="E146"/>
    </row>
    <row r="147" spans="2:5" s="95" customFormat="1" ht="16.5" customHeight="1" x14ac:dyDescent="0.25">
      <c r="B147" s="129"/>
      <c r="C147" s="129" t="s">
        <v>2612</v>
      </c>
      <c r="E147"/>
    </row>
    <row r="148" spans="2:5" s="95" customFormat="1" ht="16.5" customHeight="1" x14ac:dyDescent="0.25">
      <c r="B148" s="129"/>
      <c r="C148" s="129" t="s">
        <v>2613</v>
      </c>
      <c r="E148"/>
    </row>
    <row r="149" spans="2:5" s="95" customFormat="1" ht="16.5" customHeight="1" x14ac:dyDescent="0.25">
      <c r="B149" s="129"/>
      <c r="C149" s="129" t="s">
        <v>2615</v>
      </c>
      <c r="E149"/>
    </row>
    <row r="150" spans="2:5" s="95" customFormat="1" ht="16.5" customHeight="1" x14ac:dyDescent="0.25">
      <c r="B150" s="129"/>
      <c r="C150" s="129" t="s">
        <v>2614</v>
      </c>
      <c r="E150"/>
    </row>
    <row r="151" spans="2:5" s="95" customFormat="1" ht="16.5" customHeight="1" x14ac:dyDescent="0.25">
      <c r="B151" s="129"/>
      <c r="C151" s="129" t="s">
        <v>2616</v>
      </c>
      <c r="E151"/>
    </row>
    <row r="152" spans="2:5" s="95" customFormat="1" ht="16.5" customHeight="1" x14ac:dyDescent="0.25">
      <c r="B152" s="129"/>
      <c r="C152" s="129" t="s">
        <v>2617</v>
      </c>
      <c r="E152"/>
    </row>
    <row r="153" spans="2:5" s="95" customFormat="1" ht="16.5" customHeight="1" x14ac:dyDescent="0.25">
      <c r="B153" s="129"/>
      <c r="C153" s="129" t="s">
        <v>2618</v>
      </c>
      <c r="E153"/>
    </row>
    <row r="154" spans="2:5" s="95" customFormat="1" ht="16.5" customHeight="1" x14ac:dyDescent="0.25">
      <c r="B154" s="129"/>
      <c r="C154" s="129" t="s">
        <v>2619</v>
      </c>
      <c r="E154"/>
    </row>
    <row r="155" spans="2:5" s="95" customFormat="1" ht="16.5" customHeight="1" x14ac:dyDescent="0.25">
      <c r="B155" s="129"/>
      <c r="C155" s="129" t="s">
        <v>2620</v>
      </c>
      <c r="E155"/>
    </row>
    <row r="156" spans="2:5" s="95" customFormat="1" ht="16.5" customHeight="1" x14ac:dyDescent="0.25">
      <c r="B156" s="129"/>
      <c r="C156" s="129" t="s">
        <v>2621</v>
      </c>
      <c r="E156"/>
    </row>
    <row r="157" spans="2:5" s="95" customFormat="1" ht="16.5" customHeight="1" x14ac:dyDescent="0.25">
      <c r="B157" s="129"/>
      <c r="C157" s="129" t="s">
        <v>2622</v>
      </c>
      <c r="E157"/>
    </row>
    <row r="158" spans="2:5" s="95" customFormat="1" ht="16.5" customHeight="1" x14ac:dyDescent="0.25">
      <c r="B158" s="129"/>
      <c r="C158" s="129" t="s">
        <v>2623</v>
      </c>
      <c r="E158"/>
    </row>
    <row r="159" spans="2:5" s="95" customFormat="1" ht="16.5" customHeight="1" x14ac:dyDescent="0.25">
      <c r="B159" s="129"/>
      <c r="C159" s="129" t="s">
        <v>2624</v>
      </c>
      <c r="E159"/>
    </row>
    <row r="160" spans="2:5" s="95" customFormat="1" ht="16.5" customHeight="1" x14ac:dyDescent="0.25">
      <c r="B160" s="129"/>
      <c r="C160" s="129" t="s">
        <v>2625</v>
      </c>
      <c r="E160"/>
    </row>
    <row r="161" spans="2:5" s="95" customFormat="1" ht="16.5" customHeight="1" x14ac:dyDescent="0.25">
      <c r="B161" s="129"/>
      <c r="C161" s="129" t="s">
        <v>2626</v>
      </c>
      <c r="E161"/>
    </row>
    <row r="162" spans="2:5" s="95" customFormat="1" ht="16.5" customHeight="1" x14ac:dyDescent="0.25">
      <c r="B162" s="129"/>
      <c r="C162" s="129" t="s">
        <v>2627</v>
      </c>
      <c r="E162"/>
    </row>
    <row r="163" spans="2:5" s="95" customFormat="1" ht="16.5" customHeight="1" x14ac:dyDescent="0.25">
      <c r="B163" s="129"/>
      <c r="C163" s="129" t="s">
        <v>2628</v>
      </c>
      <c r="E163"/>
    </row>
    <row r="164" spans="2:5" s="95" customFormat="1" ht="16.5" customHeight="1" x14ac:dyDescent="0.25">
      <c r="B164" s="129"/>
      <c r="C164" s="129" t="s">
        <v>2629</v>
      </c>
      <c r="E164"/>
    </row>
    <row r="165" spans="2:5" x14ac:dyDescent="0.25">
      <c r="B165" s="124"/>
      <c r="C165" s="124" t="s">
        <v>2630</v>
      </c>
      <c r="E165"/>
    </row>
    <row r="166" spans="2:5" ht="20.25" customHeight="1" x14ac:dyDescent="0.25">
      <c r="B166" s="124"/>
      <c r="C166" s="124" t="s">
        <v>2631</v>
      </c>
      <c r="E166"/>
    </row>
    <row r="167" spans="2:5" ht="19.5" customHeight="1" x14ac:dyDescent="0.25">
      <c r="B167" s="124"/>
      <c r="C167" s="124" t="s">
        <v>2632</v>
      </c>
      <c r="E167"/>
    </row>
    <row r="168" spans="2:5" x14ac:dyDescent="0.25">
      <c r="B168" s="124"/>
      <c r="C168" s="124" t="s">
        <v>2633</v>
      </c>
      <c r="E168"/>
    </row>
    <row r="169" spans="2:5" x14ac:dyDescent="0.25">
      <c r="B169" s="124"/>
      <c r="C169" s="124" t="s">
        <v>2634</v>
      </c>
      <c r="E169"/>
    </row>
    <row r="170" spans="2:5" x14ac:dyDescent="0.25">
      <c r="B170" s="124"/>
      <c r="C170" s="124" t="s">
        <v>2635</v>
      </c>
      <c r="E170"/>
    </row>
    <row r="171" spans="2:5" x14ac:dyDescent="0.25">
      <c r="B171" s="124"/>
      <c r="C171" s="124" t="s">
        <v>2636</v>
      </c>
      <c r="E171"/>
    </row>
    <row r="172" spans="2:5" x14ac:dyDescent="0.25">
      <c r="B172" s="124"/>
      <c r="C172" s="124" t="s">
        <v>2637</v>
      </c>
      <c r="E172"/>
    </row>
    <row r="173" spans="2:5" x14ac:dyDescent="0.25">
      <c r="B173" s="124"/>
      <c r="C173" s="124" t="s">
        <v>2638</v>
      </c>
      <c r="E173"/>
    </row>
    <row r="174" spans="2:5" x14ac:dyDescent="0.25">
      <c r="B174" s="124"/>
      <c r="C174" s="124" t="s">
        <v>2639</v>
      </c>
      <c r="E174"/>
    </row>
    <row r="175" spans="2:5" x14ac:dyDescent="0.25">
      <c r="B175" s="124"/>
      <c r="C175" s="124" t="s">
        <v>2640</v>
      </c>
      <c r="E175"/>
    </row>
    <row r="176" spans="2:5" x14ac:dyDescent="0.25">
      <c r="B176" s="124"/>
      <c r="C176" s="124" t="s">
        <v>2641</v>
      </c>
      <c r="E176"/>
    </row>
    <row r="177" spans="2:5" x14ac:dyDescent="0.25">
      <c r="B177" s="124"/>
      <c r="C177" s="124" t="s">
        <v>2642</v>
      </c>
      <c r="E177"/>
    </row>
    <row r="178" spans="2:5" x14ac:dyDescent="0.25">
      <c r="B178" s="124"/>
      <c r="C178" s="124" t="s">
        <v>2643</v>
      </c>
      <c r="E178"/>
    </row>
    <row r="179" spans="2:5" x14ac:dyDescent="0.25">
      <c r="B179" s="124"/>
      <c r="C179" s="124" t="s">
        <v>2644</v>
      </c>
      <c r="E179"/>
    </row>
    <row r="180" spans="2:5" x14ac:dyDescent="0.25">
      <c r="B180" s="124"/>
      <c r="C180" s="124" t="s">
        <v>2543</v>
      </c>
      <c r="E180"/>
    </row>
    <row r="181" spans="2:5" x14ac:dyDescent="0.25">
      <c r="B181" s="124"/>
      <c r="C181" s="124" t="s">
        <v>2645</v>
      </c>
      <c r="E181"/>
    </row>
    <row r="182" spans="2:5" x14ac:dyDescent="0.25">
      <c r="B182" s="124"/>
      <c r="C182" s="124" t="s">
        <v>2646</v>
      </c>
      <c r="E182"/>
    </row>
    <row r="183" spans="2:5" x14ac:dyDescent="0.25">
      <c r="B183" s="124"/>
      <c r="C183" s="124" t="s">
        <v>2647</v>
      </c>
      <c r="E183"/>
    </row>
    <row r="184" spans="2:5" x14ac:dyDescent="0.25">
      <c r="B184" s="124"/>
      <c r="C184" s="124" t="s">
        <v>2648</v>
      </c>
      <c r="E184"/>
    </row>
    <row r="185" spans="2:5" x14ac:dyDescent="0.25">
      <c r="B185" s="124"/>
      <c r="C185" s="124" t="s">
        <v>2649</v>
      </c>
      <c r="E185"/>
    </row>
    <row r="186" spans="2:5" x14ac:dyDescent="0.25">
      <c r="B186" s="124"/>
      <c r="C186" s="124" t="s">
        <v>2650</v>
      </c>
      <c r="E186"/>
    </row>
    <row r="187" spans="2:5" x14ac:dyDescent="0.25">
      <c r="B187" s="124"/>
      <c r="C187" s="124" t="s">
        <v>2651</v>
      </c>
      <c r="E187"/>
    </row>
    <row r="188" spans="2:5" x14ac:dyDescent="0.25">
      <c r="B188" s="124"/>
      <c r="C188" s="124" t="s">
        <v>2652</v>
      </c>
      <c r="E188"/>
    </row>
    <row r="189" spans="2:5" ht="15" customHeight="1" x14ac:dyDescent="0.25">
      <c r="B189" s="124"/>
      <c r="C189" s="124" t="s">
        <v>2653</v>
      </c>
      <c r="E189"/>
    </row>
    <row r="190" spans="2:5" ht="15.75" customHeight="1" x14ac:dyDescent="0.25">
      <c r="B190" s="124"/>
      <c r="C190" s="124" t="s">
        <v>2654</v>
      </c>
      <c r="E190"/>
    </row>
    <row r="191" spans="2:5" x14ac:dyDescent="0.25">
      <c r="B191" s="124"/>
      <c r="C191" s="124" t="s">
        <v>2655</v>
      </c>
      <c r="E191"/>
    </row>
    <row r="192" spans="2:5" x14ac:dyDescent="0.25">
      <c r="B192" s="124"/>
      <c r="C192" s="124" t="s">
        <v>2656</v>
      </c>
      <c r="E192"/>
    </row>
    <row r="193" spans="2:5" ht="15" customHeight="1" x14ac:dyDescent="0.25">
      <c r="B193" s="124"/>
      <c r="C193" s="124" t="s">
        <v>2657</v>
      </c>
      <c r="E193"/>
    </row>
    <row r="194" spans="2:5" ht="15" customHeight="1" x14ac:dyDescent="0.25">
      <c r="B194" s="124"/>
      <c r="C194" s="124" t="s">
        <v>2658</v>
      </c>
      <c r="E194"/>
    </row>
    <row r="195" spans="2:5" ht="15" customHeight="1" thickBot="1" x14ac:dyDescent="0.3"/>
    <row r="196" spans="2:5" ht="15.75" thickBot="1" x14ac:dyDescent="0.3">
      <c r="B196" s="367" t="s">
        <v>2659</v>
      </c>
      <c r="C196" s="368"/>
    </row>
    <row r="197" spans="2:5" ht="15.75" thickBot="1" x14ac:dyDescent="0.3">
      <c r="B197" s="373" t="s">
        <v>2684</v>
      </c>
      <c r="C197" s="368"/>
    </row>
    <row r="198" spans="2:5" x14ac:dyDescent="0.25">
      <c r="B198" s="122"/>
      <c r="C198" s="122" t="s">
        <v>2660</v>
      </c>
    </row>
    <row r="199" spans="2:5" ht="15" customHeight="1" x14ac:dyDescent="0.25">
      <c r="B199" s="124"/>
      <c r="C199" s="124" t="s">
        <v>2661</v>
      </c>
    </row>
    <row r="200" spans="2:5" ht="15.75" customHeight="1" x14ac:dyDescent="0.25">
      <c r="B200" s="124"/>
      <c r="C200" s="124" t="s">
        <v>2662</v>
      </c>
    </row>
    <row r="201" spans="2:5" x14ac:dyDescent="0.25">
      <c r="B201" s="124"/>
      <c r="C201" s="124" t="s">
        <v>2663</v>
      </c>
    </row>
    <row r="202" spans="2:5" ht="15.75" thickBot="1" x14ac:dyDescent="0.3"/>
    <row r="203" spans="2:5" ht="15.75" thickBot="1" x14ac:dyDescent="0.3">
      <c r="B203" s="367" t="s">
        <v>2664</v>
      </c>
      <c r="C203" s="368"/>
    </row>
    <row r="204" spans="2:5" ht="15.75" thickBot="1" x14ac:dyDescent="0.3">
      <c r="B204" s="373" t="s">
        <v>2683</v>
      </c>
      <c r="C204" s="368"/>
    </row>
    <row r="205" spans="2:5" x14ac:dyDescent="0.25">
      <c r="B205" s="122"/>
      <c r="C205" s="122" t="s">
        <v>2665</v>
      </c>
    </row>
    <row r="206" spans="2:5" x14ac:dyDescent="0.25">
      <c r="B206" s="124"/>
      <c r="C206" s="124" t="s">
        <v>2666</v>
      </c>
    </row>
    <row r="207" spans="2:5" x14ac:dyDescent="0.25">
      <c r="B207" s="124"/>
      <c r="C207" s="124" t="s">
        <v>1717</v>
      </c>
    </row>
    <row r="208" spans="2:5" x14ac:dyDescent="0.25">
      <c r="B208" s="124"/>
      <c r="C208" s="124" t="s">
        <v>2430</v>
      </c>
    </row>
    <row r="209" spans="2:3" x14ac:dyDescent="0.25">
      <c r="B209" s="124"/>
      <c r="C209" s="124" t="s">
        <v>2667</v>
      </c>
    </row>
    <row r="210" spans="2:3" ht="15.75" thickBot="1" x14ac:dyDescent="0.3"/>
    <row r="211" spans="2:3" ht="15.75" thickBot="1" x14ac:dyDescent="0.3">
      <c r="B211" s="367" t="s">
        <v>2668</v>
      </c>
      <c r="C211" s="368"/>
    </row>
    <row r="212" spans="2:3" ht="15.75" thickBot="1" x14ac:dyDescent="0.3">
      <c r="B212" s="373" t="s">
        <v>2682</v>
      </c>
      <c r="C212" s="368"/>
    </row>
    <row r="213" spans="2:3" x14ac:dyDescent="0.25">
      <c r="B213" s="122"/>
      <c r="C213" s="122" t="s">
        <v>2669</v>
      </c>
    </row>
    <row r="214" spans="2:3" x14ac:dyDescent="0.25">
      <c r="B214" s="124"/>
      <c r="C214" s="124" t="s">
        <v>2670</v>
      </c>
    </row>
    <row r="215" spans="2:3" x14ac:dyDescent="0.25">
      <c r="B215" s="124"/>
      <c r="C215" s="124" t="s">
        <v>2671</v>
      </c>
    </row>
    <row r="216" spans="2:3" x14ac:dyDescent="0.25">
      <c r="B216" s="124"/>
      <c r="C216" s="124" t="s">
        <v>2672</v>
      </c>
    </row>
    <row r="217" spans="2:3" x14ac:dyDescent="0.25">
      <c r="B217" s="124"/>
      <c r="C217" s="124" t="s">
        <v>2673</v>
      </c>
    </row>
    <row r="218" spans="2:3" x14ac:dyDescent="0.25">
      <c r="B218" s="124"/>
      <c r="C218" s="124" t="s">
        <v>2674</v>
      </c>
    </row>
    <row r="219" spans="2:3" x14ac:dyDescent="0.25">
      <c r="B219" s="124"/>
      <c r="C219" s="124" t="s">
        <v>2675</v>
      </c>
    </row>
    <row r="220" spans="2:3" x14ac:dyDescent="0.25">
      <c r="B220" s="124"/>
      <c r="C220" s="124" t="s">
        <v>2676</v>
      </c>
    </row>
    <row r="221" spans="2:3" x14ac:dyDescent="0.25">
      <c r="B221" s="124"/>
      <c r="C221" s="124" t="s">
        <v>2677</v>
      </c>
    </row>
    <row r="222" spans="2:3" x14ac:dyDescent="0.25">
      <c r="B222" s="124"/>
      <c r="C222" s="124" t="s">
        <v>2678</v>
      </c>
    </row>
    <row r="223" spans="2:3" x14ac:dyDescent="0.25">
      <c r="B223" s="124"/>
      <c r="C223" s="124" t="s">
        <v>2679</v>
      </c>
    </row>
    <row r="224" spans="2:3" ht="15.75" thickBot="1" x14ac:dyDescent="0.3"/>
    <row r="225" spans="2:3" ht="15.75" thickBot="1" x14ac:dyDescent="0.3">
      <c r="B225" s="367" t="s">
        <v>2680</v>
      </c>
      <c r="C225" s="368"/>
    </row>
    <row r="226" spans="2:3" ht="15.75" thickBot="1" x14ac:dyDescent="0.3">
      <c r="B226" s="373" t="s">
        <v>2681</v>
      </c>
      <c r="C226" s="368"/>
    </row>
    <row r="227" spans="2:3" x14ac:dyDescent="0.25">
      <c r="B227" s="122"/>
      <c r="C227" s="122" t="s">
        <v>2685</v>
      </c>
    </row>
    <row r="228" spans="2:3" x14ac:dyDescent="0.25">
      <c r="B228" s="124"/>
      <c r="C228" s="124" t="s">
        <v>2686</v>
      </c>
    </row>
    <row r="229" spans="2:3" x14ac:dyDescent="0.25">
      <c r="B229" s="124"/>
      <c r="C229" s="124" t="s">
        <v>2687</v>
      </c>
    </row>
    <row r="230" spans="2:3" ht="15.75" thickBot="1" x14ac:dyDescent="0.3"/>
    <row r="231" spans="2:3" ht="15.75" thickBot="1" x14ac:dyDescent="0.3">
      <c r="B231" s="367" t="s">
        <v>2688</v>
      </c>
      <c r="C231" s="368"/>
    </row>
    <row r="232" spans="2:3" x14ac:dyDescent="0.25">
      <c r="B232" s="393" t="s">
        <v>2689</v>
      </c>
      <c r="C232" s="364"/>
    </row>
    <row r="233" spans="2:3" x14ac:dyDescent="0.25">
      <c r="B233" s="124"/>
      <c r="C233" s="124" t="s">
        <v>2690</v>
      </c>
    </row>
    <row r="234" spans="2:3" x14ac:dyDescent="0.25">
      <c r="B234" s="124"/>
      <c r="C234" s="124" t="s">
        <v>2691</v>
      </c>
    </row>
    <row r="235" spans="2:3" x14ac:dyDescent="0.25">
      <c r="B235" s="124"/>
      <c r="C235" s="124" t="s">
        <v>2692</v>
      </c>
    </row>
    <row r="236" spans="2:3" x14ac:dyDescent="0.25">
      <c r="B236" s="124"/>
      <c r="C236" s="124" t="s">
        <v>2693</v>
      </c>
    </row>
    <row r="237" spans="2:3" x14ac:dyDescent="0.25">
      <c r="B237" s="124"/>
      <c r="C237" s="124" t="s">
        <v>2694</v>
      </c>
    </row>
    <row r="238" spans="2:3" ht="15.75" thickBot="1" x14ac:dyDescent="0.3"/>
    <row r="239" spans="2:3" ht="15.75" thickBot="1" x14ac:dyDescent="0.3">
      <c r="B239" s="367" t="s">
        <v>2695</v>
      </c>
      <c r="C239" s="368"/>
    </row>
    <row r="240" spans="2:3" x14ac:dyDescent="0.25">
      <c r="B240" s="393" t="s">
        <v>2696</v>
      </c>
      <c r="C240" s="364"/>
    </row>
    <row r="241" spans="2:3" x14ac:dyDescent="0.25">
      <c r="B241" s="124"/>
      <c r="C241" s="124" t="s">
        <v>2697</v>
      </c>
    </row>
    <row r="242" spans="2:3" x14ac:dyDescent="0.25">
      <c r="B242" s="124"/>
      <c r="C242" s="124" t="s">
        <v>2698</v>
      </c>
    </row>
    <row r="243" spans="2:3" x14ac:dyDescent="0.25">
      <c r="B243" s="124"/>
      <c r="C243" s="124" t="s">
        <v>2699</v>
      </c>
    </row>
    <row r="244" spans="2:3" x14ac:dyDescent="0.25">
      <c r="B244" s="124"/>
      <c r="C244" s="124" t="s">
        <v>2700</v>
      </c>
    </row>
    <row r="245" spans="2:3" x14ac:dyDescent="0.25">
      <c r="B245" s="124"/>
      <c r="C245" s="124" t="s">
        <v>2702</v>
      </c>
    </row>
    <row r="246" spans="2:3" x14ac:dyDescent="0.25">
      <c r="B246" s="124"/>
      <c r="C246" s="124" t="s">
        <v>2701</v>
      </c>
    </row>
    <row r="247" spans="2:3" x14ac:dyDescent="0.25">
      <c r="B247" s="124"/>
      <c r="C247" s="124" t="s">
        <v>2704</v>
      </c>
    </row>
    <row r="248" spans="2:3" x14ac:dyDescent="0.25">
      <c r="B248" s="124"/>
      <c r="C248" s="124" t="s">
        <v>2703</v>
      </c>
    </row>
    <row r="249" spans="2:3" ht="15.75" thickBot="1" x14ac:dyDescent="0.3"/>
    <row r="250" spans="2:3" ht="15.75" thickBot="1" x14ac:dyDescent="0.3">
      <c r="B250" s="367" t="s">
        <v>2705</v>
      </c>
      <c r="C250" s="368"/>
    </row>
    <row r="251" spans="2:3" x14ac:dyDescent="0.25">
      <c r="B251" s="393" t="s">
        <v>2706</v>
      </c>
      <c r="C251" s="364"/>
    </row>
    <row r="252" spans="2:3" x14ac:dyDescent="0.25">
      <c r="B252" s="124"/>
      <c r="C252" s="124" t="s">
        <v>2707</v>
      </c>
    </row>
    <row r="253" spans="2:3" x14ac:dyDescent="0.25">
      <c r="B253" s="124"/>
      <c r="C253" s="124" t="s">
        <v>2708</v>
      </c>
    </row>
    <row r="254" spans="2:3" x14ac:dyDescent="0.25">
      <c r="B254" s="124"/>
      <c r="C254" s="124" t="s">
        <v>2709</v>
      </c>
    </row>
    <row r="255" spans="2:3" x14ac:dyDescent="0.25">
      <c r="B255" s="124"/>
      <c r="C255" s="124" t="s">
        <v>2710</v>
      </c>
    </row>
    <row r="256" spans="2:3" x14ac:dyDescent="0.25">
      <c r="B256" s="124"/>
      <c r="C256" s="124" t="s">
        <v>2711</v>
      </c>
    </row>
    <row r="257" spans="2:3" x14ac:dyDescent="0.25">
      <c r="B257" s="124"/>
      <c r="C257" s="124" t="s">
        <v>2712</v>
      </c>
    </row>
    <row r="258" spans="2:3" x14ac:dyDescent="0.25">
      <c r="B258" s="124"/>
      <c r="C258" s="124" t="s">
        <v>2713</v>
      </c>
    </row>
    <row r="259" spans="2:3" x14ac:dyDescent="0.25">
      <c r="B259" s="124"/>
      <c r="C259" s="124" t="s">
        <v>2714</v>
      </c>
    </row>
    <row r="260" spans="2:3" x14ac:dyDescent="0.25">
      <c r="B260" s="124"/>
      <c r="C260" s="124" t="s">
        <v>2715</v>
      </c>
    </row>
    <row r="261" spans="2:3" x14ac:dyDescent="0.25">
      <c r="B261" s="124"/>
      <c r="C261" s="124" t="s">
        <v>2716</v>
      </c>
    </row>
    <row r="262" spans="2:3" x14ac:dyDescent="0.25">
      <c r="B262" s="124"/>
      <c r="C262" s="124" t="s">
        <v>2717</v>
      </c>
    </row>
    <row r="263" spans="2:3" x14ac:dyDescent="0.25">
      <c r="B263" s="124"/>
      <c r="C263" s="124" t="s">
        <v>2718</v>
      </c>
    </row>
    <row r="264" spans="2:3" x14ac:dyDescent="0.25">
      <c r="B264" s="124"/>
      <c r="C264" s="124" t="s">
        <v>2719</v>
      </c>
    </row>
    <row r="265" spans="2:3" x14ac:dyDescent="0.25">
      <c r="B265" s="124"/>
      <c r="C265" s="124" t="s">
        <v>2720</v>
      </c>
    </row>
    <row r="266" spans="2:3" x14ac:dyDescent="0.25">
      <c r="B266" s="124"/>
      <c r="C266" s="124" t="s">
        <v>2721</v>
      </c>
    </row>
    <row r="267" spans="2:3" x14ac:dyDescent="0.25">
      <c r="B267" s="124"/>
      <c r="C267" s="124" t="s">
        <v>2722</v>
      </c>
    </row>
    <row r="268" spans="2:3" x14ac:dyDescent="0.25">
      <c r="B268" s="124"/>
      <c r="C268" s="124" t="s">
        <v>2723</v>
      </c>
    </row>
    <row r="269" spans="2:3" x14ac:dyDescent="0.25">
      <c r="B269" s="124"/>
      <c r="C269" s="124" t="s">
        <v>2724</v>
      </c>
    </row>
    <row r="270" spans="2:3" x14ac:dyDescent="0.25">
      <c r="B270" s="124"/>
      <c r="C270" s="124" t="s">
        <v>2725</v>
      </c>
    </row>
    <row r="271" spans="2:3" x14ac:dyDescent="0.25">
      <c r="B271" s="124"/>
      <c r="C271" s="124" t="s">
        <v>2726</v>
      </c>
    </row>
    <row r="272" spans="2:3" x14ac:dyDescent="0.25">
      <c r="B272" s="124"/>
      <c r="C272" s="124" t="s">
        <v>2727</v>
      </c>
    </row>
    <row r="273" spans="2:3" x14ac:dyDescent="0.25">
      <c r="B273" s="124"/>
      <c r="C273" s="124" t="s">
        <v>2728</v>
      </c>
    </row>
    <row r="274" spans="2:3" x14ac:dyDescent="0.25">
      <c r="B274" s="124"/>
      <c r="C274" s="124" t="s">
        <v>2729</v>
      </c>
    </row>
    <row r="275" spans="2:3" x14ac:dyDescent="0.25">
      <c r="B275" s="124"/>
      <c r="C275" s="124" t="s">
        <v>2730</v>
      </c>
    </row>
    <row r="276" spans="2:3" x14ac:dyDescent="0.25">
      <c r="B276" s="124"/>
      <c r="C276" s="124" t="s">
        <v>2731</v>
      </c>
    </row>
    <row r="277" spans="2:3" x14ac:dyDescent="0.25">
      <c r="B277" s="124"/>
      <c r="C277" s="124" t="s">
        <v>2732</v>
      </c>
    </row>
    <row r="278" spans="2:3" x14ac:dyDescent="0.25">
      <c r="B278" s="124"/>
      <c r="C278" s="124" t="s">
        <v>2734</v>
      </c>
    </row>
    <row r="279" spans="2:3" x14ac:dyDescent="0.25">
      <c r="B279" s="124"/>
      <c r="C279" s="124" t="s">
        <v>2733</v>
      </c>
    </row>
    <row r="280" spans="2:3" x14ac:dyDescent="0.25">
      <c r="B280" s="124"/>
      <c r="C280" s="124" t="s">
        <v>2735</v>
      </c>
    </row>
    <row r="281" spans="2:3" x14ac:dyDescent="0.25">
      <c r="B281" s="124"/>
      <c r="C281" s="124" t="s">
        <v>2736</v>
      </c>
    </row>
    <row r="282" spans="2:3" x14ac:dyDescent="0.25">
      <c r="B282" s="124"/>
      <c r="C282" s="124" t="s">
        <v>2737</v>
      </c>
    </row>
    <row r="283" spans="2:3" x14ac:dyDescent="0.25">
      <c r="B283" s="124"/>
      <c r="C283" s="124" t="s">
        <v>2738</v>
      </c>
    </row>
    <row r="284" spans="2:3" x14ac:dyDescent="0.25">
      <c r="B284" s="124"/>
      <c r="C284" s="124" t="s">
        <v>2739</v>
      </c>
    </row>
    <row r="285" spans="2:3" x14ac:dyDescent="0.25">
      <c r="B285" s="124"/>
      <c r="C285" s="124" t="s">
        <v>2740</v>
      </c>
    </row>
    <row r="286" spans="2:3" x14ac:dyDescent="0.25">
      <c r="B286" s="124"/>
      <c r="C286" s="124" t="s">
        <v>2741</v>
      </c>
    </row>
    <row r="287" spans="2:3" x14ac:dyDescent="0.25">
      <c r="B287" s="124"/>
      <c r="C287" s="124" t="s">
        <v>2742</v>
      </c>
    </row>
    <row r="288" spans="2:3" x14ac:dyDescent="0.25">
      <c r="B288" s="124"/>
      <c r="C288" s="124" t="s">
        <v>2743</v>
      </c>
    </row>
    <row r="289" spans="2:3" ht="15.75" thickBot="1" x14ac:dyDescent="0.3"/>
    <row r="290" spans="2:3" ht="15.75" thickBot="1" x14ac:dyDescent="0.3">
      <c r="B290" s="367" t="s">
        <v>2744</v>
      </c>
      <c r="C290" s="368"/>
    </row>
    <row r="291" spans="2:3" ht="30" customHeight="1" x14ac:dyDescent="0.25">
      <c r="B291" s="393" t="s">
        <v>2756</v>
      </c>
      <c r="C291" s="364"/>
    </row>
    <row r="292" spans="2:3" x14ac:dyDescent="0.25">
      <c r="B292" s="124"/>
      <c r="C292" s="124" t="s">
        <v>2376</v>
      </c>
    </row>
    <row r="293" spans="2:3" x14ac:dyDescent="0.25">
      <c r="B293" s="124"/>
      <c r="C293" s="124" t="s">
        <v>2745</v>
      </c>
    </row>
    <row r="294" spans="2:3" x14ac:dyDescent="0.25">
      <c r="B294" s="124"/>
      <c r="C294" s="124" t="s">
        <v>2746</v>
      </c>
    </row>
    <row r="295" spans="2:3" x14ac:dyDescent="0.25">
      <c r="B295" s="124"/>
      <c r="C295" s="124" t="s">
        <v>2747</v>
      </c>
    </row>
    <row r="296" spans="2:3" x14ac:dyDescent="0.25">
      <c r="B296" s="124"/>
      <c r="C296" s="124" t="s">
        <v>1519</v>
      </c>
    </row>
    <row r="297" spans="2:3" x14ac:dyDescent="0.25">
      <c r="B297" s="124"/>
      <c r="C297" s="124" t="s">
        <v>2748</v>
      </c>
    </row>
    <row r="298" spans="2:3" x14ac:dyDescent="0.25">
      <c r="B298" s="124"/>
      <c r="C298" s="124" t="s">
        <v>2749</v>
      </c>
    </row>
    <row r="299" spans="2:3" x14ac:dyDescent="0.25">
      <c r="B299" s="124"/>
      <c r="C299" s="124" t="s">
        <v>1509</v>
      </c>
    </row>
    <row r="300" spans="2:3" x14ac:dyDescent="0.25">
      <c r="B300" s="124"/>
      <c r="C300" s="124" t="s">
        <v>1813</v>
      </c>
    </row>
    <row r="301" spans="2:3" x14ac:dyDescent="0.25">
      <c r="B301" s="124"/>
      <c r="C301" s="124" t="s">
        <v>2750</v>
      </c>
    </row>
    <row r="302" spans="2:3" x14ac:dyDescent="0.25">
      <c r="B302" s="124"/>
      <c r="C302" s="124" t="s">
        <v>2751</v>
      </c>
    </row>
    <row r="303" spans="2:3" x14ac:dyDescent="0.25">
      <c r="B303" s="124"/>
      <c r="C303" s="124" t="s">
        <v>2752</v>
      </c>
    </row>
    <row r="304" spans="2:3" x14ac:dyDescent="0.25">
      <c r="B304" s="124"/>
      <c r="C304" s="124" t="s">
        <v>2753</v>
      </c>
    </row>
    <row r="305" spans="2:3" x14ac:dyDescent="0.25">
      <c r="B305" s="124"/>
      <c r="C305" s="124" t="s">
        <v>2754</v>
      </c>
    </row>
    <row r="306" spans="2:3" x14ac:dyDescent="0.25">
      <c r="B306" s="124"/>
      <c r="C306" s="124" t="s">
        <v>2755</v>
      </c>
    </row>
    <row r="307" spans="2:3" ht="15.75" thickBot="1" x14ac:dyDescent="0.3"/>
    <row r="308" spans="2:3" ht="15.75" thickBot="1" x14ac:dyDescent="0.3">
      <c r="B308" s="367" t="s">
        <v>2757</v>
      </c>
      <c r="C308" s="368"/>
    </row>
    <row r="309" spans="2:3" ht="15.75" thickBot="1" x14ac:dyDescent="0.3">
      <c r="B309" s="373" t="s">
        <v>2758</v>
      </c>
      <c r="C309" s="368"/>
    </row>
    <row r="310" spans="2:3" x14ac:dyDescent="0.25">
      <c r="B310" s="122"/>
      <c r="C310" s="122" t="s">
        <v>2759</v>
      </c>
    </row>
    <row r="311" spans="2:3" x14ac:dyDescent="0.25">
      <c r="B311" s="124"/>
      <c r="C311" s="124" t="s">
        <v>2760</v>
      </c>
    </row>
    <row r="312" spans="2:3" x14ac:dyDescent="0.25">
      <c r="B312" s="124"/>
      <c r="C312" s="124" t="s">
        <v>2761</v>
      </c>
    </row>
    <row r="313" spans="2:3" x14ac:dyDescent="0.25">
      <c r="B313" s="124"/>
      <c r="C313" s="124" t="s">
        <v>2762</v>
      </c>
    </row>
    <row r="314" spans="2:3" x14ac:dyDescent="0.25">
      <c r="B314" s="124"/>
      <c r="C314" s="124" t="s">
        <v>2763</v>
      </c>
    </row>
    <row r="315" spans="2:3" x14ac:dyDescent="0.25">
      <c r="B315" s="124"/>
      <c r="C315" s="124" t="s">
        <v>2764</v>
      </c>
    </row>
    <row r="316" spans="2:3" x14ac:dyDescent="0.25">
      <c r="B316" s="124"/>
      <c r="C316" s="124" t="s">
        <v>2765</v>
      </c>
    </row>
    <row r="317" spans="2:3" x14ac:dyDescent="0.25">
      <c r="B317" s="124"/>
      <c r="C317" s="124" t="s">
        <v>2766</v>
      </c>
    </row>
    <row r="318" spans="2:3" x14ac:dyDescent="0.25">
      <c r="B318" s="124"/>
      <c r="C318" s="124" t="s">
        <v>2767</v>
      </c>
    </row>
    <row r="319" spans="2:3" x14ac:dyDescent="0.25">
      <c r="B319" s="124"/>
      <c r="C319" s="124" t="s">
        <v>2768</v>
      </c>
    </row>
    <row r="320" spans="2:3" x14ac:dyDescent="0.25">
      <c r="B320" s="124"/>
      <c r="C320" s="124" t="s">
        <v>2769</v>
      </c>
    </row>
    <row r="321" spans="2:3" x14ac:dyDescent="0.25">
      <c r="B321" s="124"/>
      <c r="C321" s="124" t="s">
        <v>2770</v>
      </c>
    </row>
    <row r="322" spans="2:3" x14ac:dyDescent="0.25">
      <c r="B322" s="124"/>
      <c r="C322" s="124" t="s">
        <v>2771</v>
      </c>
    </row>
    <row r="323" spans="2:3" x14ac:dyDescent="0.25">
      <c r="B323" s="124"/>
      <c r="C323" s="124" t="s">
        <v>2772</v>
      </c>
    </row>
    <row r="324" spans="2:3" x14ac:dyDescent="0.25">
      <c r="B324" s="124"/>
      <c r="C324" s="124" t="s">
        <v>2773</v>
      </c>
    </row>
    <row r="325" spans="2:3" x14ac:dyDescent="0.25">
      <c r="B325" s="124"/>
      <c r="C325" s="124" t="s">
        <v>2774</v>
      </c>
    </row>
    <row r="326" spans="2:3" x14ac:dyDescent="0.25">
      <c r="B326" s="124"/>
      <c r="C326" s="124" t="s">
        <v>2775</v>
      </c>
    </row>
    <row r="327" spans="2:3" x14ac:dyDescent="0.25">
      <c r="B327" s="124"/>
      <c r="C327" s="124" t="s">
        <v>2776</v>
      </c>
    </row>
    <row r="328" spans="2:3" x14ac:dyDescent="0.25">
      <c r="B328" s="124"/>
      <c r="C328" s="124" t="s">
        <v>2777</v>
      </c>
    </row>
    <row r="329" spans="2:3" x14ac:dyDescent="0.25">
      <c r="B329" s="124"/>
      <c r="C329" s="124" t="s">
        <v>2778</v>
      </c>
    </row>
    <row r="330" spans="2:3" x14ac:dyDescent="0.25">
      <c r="B330" s="124"/>
      <c r="C330" s="124" t="s">
        <v>2779</v>
      </c>
    </row>
    <row r="331" spans="2:3" x14ac:dyDescent="0.25">
      <c r="B331" s="124"/>
      <c r="C331" s="124" t="s">
        <v>2780</v>
      </c>
    </row>
    <row r="332" spans="2:3" x14ac:dyDescent="0.25">
      <c r="B332" s="124"/>
      <c r="C332" s="124" t="s">
        <v>2781</v>
      </c>
    </row>
    <row r="333" spans="2:3" ht="15.75" thickBot="1" x14ac:dyDescent="0.3"/>
    <row r="334" spans="2:3" ht="15.75" thickBot="1" x14ac:dyDescent="0.3">
      <c r="B334" s="367" t="s">
        <v>2782</v>
      </c>
      <c r="C334" s="368"/>
    </row>
    <row r="335" spans="2:3" ht="15.75" thickBot="1" x14ac:dyDescent="0.3">
      <c r="B335" s="373" t="s">
        <v>2783</v>
      </c>
      <c r="C335" s="368"/>
    </row>
    <row r="336" spans="2:3" x14ac:dyDescent="0.25">
      <c r="B336" s="122"/>
      <c r="C336" s="122" t="s">
        <v>2784</v>
      </c>
    </row>
    <row r="337" spans="2:3" x14ac:dyDescent="0.25">
      <c r="B337" s="124"/>
      <c r="C337" s="124" t="s">
        <v>2785</v>
      </c>
    </row>
    <row r="338" spans="2:3" x14ac:dyDescent="0.25">
      <c r="B338" s="124"/>
      <c r="C338" s="124" t="s">
        <v>2786</v>
      </c>
    </row>
    <row r="339" spans="2:3" x14ac:dyDescent="0.25">
      <c r="B339" s="124"/>
      <c r="C339" s="124" t="s">
        <v>2787</v>
      </c>
    </row>
    <row r="340" spans="2:3" x14ac:dyDescent="0.25">
      <c r="B340" s="124"/>
      <c r="C340" s="124" t="s">
        <v>2788</v>
      </c>
    </row>
    <row r="342" spans="2:3" ht="36.75" customHeight="1" x14ac:dyDescent="0.25"/>
    <row r="347" spans="2:3" ht="28.5" customHeight="1" x14ac:dyDescent="0.25"/>
    <row r="366" ht="30" customHeight="1" x14ac:dyDescent="0.25"/>
    <row r="374" ht="29.25" customHeight="1" x14ac:dyDescent="0.25"/>
    <row r="403" ht="30.75" customHeight="1" x14ac:dyDescent="0.25"/>
    <row r="525" ht="43.5" customHeight="1" x14ac:dyDescent="0.25"/>
    <row r="558" ht="39" customHeight="1" x14ac:dyDescent="0.25"/>
    <row r="578" ht="35.25" customHeight="1" x14ac:dyDescent="0.25"/>
    <row r="668" ht="53.25" customHeight="1" x14ac:dyDescent="0.25"/>
    <row r="686" ht="36" customHeight="1" x14ac:dyDescent="0.25"/>
    <row r="722" ht="38.25" customHeight="1" x14ac:dyDescent="0.25"/>
    <row r="731" ht="45" customHeight="1" x14ac:dyDescent="0.25"/>
    <row r="810" ht="35.25" customHeight="1" x14ac:dyDescent="0.25"/>
    <row r="860" ht="35.25" customHeight="1" x14ac:dyDescent="0.25"/>
    <row r="884" spans="2:2" ht="31.5" customHeight="1" x14ac:dyDescent="0.25"/>
    <row r="885" spans="2:2" ht="15" customHeight="1" x14ac:dyDescent="0.25"/>
    <row r="891" spans="2:2" ht="33" customHeight="1" x14ac:dyDescent="0.25">
      <c r="B891" s="135"/>
    </row>
    <row r="984" ht="52.5" customHeight="1" x14ac:dyDescent="0.25"/>
    <row r="995" ht="28.5" customHeight="1" x14ac:dyDescent="0.25"/>
    <row r="1001" ht="36.75" customHeight="1" x14ac:dyDescent="0.25"/>
    <row r="1007" ht="40.5" customHeight="1" x14ac:dyDescent="0.25"/>
    <row r="1024" ht="48.75" customHeight="1" x14ac:dyDescent="0.25"/>
    <row r="1053" ht="15" customHeight="1" x14ac:dyDescent="0.25"/>
    <row r="1054" ht="30" customHeight="1" x14ac:dyDescent="0.25"/>
    <row r="1123" ht="33.75" customHeight="1" x14ac:dyDescent="0.25"/>
    <row r="1124" ht="41.25" customHeight="1" x14ac:dyDescent="0.25"/>
    <row r="1134" ht="49.5" customHeight="1" x14ac:dyDescent="0.25"/>
    <row r="1182" ht="44.25" customHeight="1" x14ac:dyDescent="0.25"/>
    <row r="1188" ht="36" customHeight="1" x14ac:dyDescent="0.25"/>
    <row r="1201" ht="30.75" customHeight="1" x14ac:dyDescent="0.25"/>
    <row r="1210" ht="28.5" customHeight="1" x14ac:dyDescent="0.25"/>
    <row r="1219" ht="29.25" customHeight="1" x14ac:dyDescent="0.25"/>
    <row r="1228" ht="27.75" customHeight="1" x14ac:dyDescent="0.25"/>
    <row r="1242" ht="30" customHeight="1" x14ac:dyDescent="0.25"/>
    <row r="1247" ht="36" customHeight="1" x14ac:dyDescent="0.25"/>
  </sheetData>
  <sheetProtection algorithmName="SHA-512" hashValue="KvLCHo+JlYlESlkancj8IQ0AHG9GfeWSvYVaPJM1sJXFg9ltCTKtI+J+5j1tv2Ct2uGuQm+wYIuXiRXsMf34jQ==" saltValue="EPQZ5ClbrjyRfQQzCs2w6A==" spinCount="100000" sheet="1" objects="1" scenarios="1"/>
  <customSheetViews>
    <customSheetView guid="{EC814CE1-0F1E-4212-A340-F06F8C30AE5D}">
      <selection activeCell="C8" sqref="C8"/>
      <pageMargins left="0.7" right="0.7" top="0.75" bottom="0.75" header="0.3" footer="0.3"/>
      <pageSetup paperSize="9" orientation="portrait" r:id="rId1"/>
    </customSheetView>
    <customSheetView guid="{A251BD93-D9C7-4F55-9631-01CAEE64168F}">
      <selection activeCell="C8" sqref="C8"/>
      <pageMargins left="0.7" right="0.7" top="0.75" bottom="0.75" header="0.3" footer="0.3"/>
      <pageSetup paperSize="9" orientation="portrait" r:id="rId2"/>
    </customSheetView>
  </customSheetViews>
  <mergeCells count="41">
    <mergeCell ref="B291:C291"/>
    <mergeCell ref="B239:C239"/>
    <mergeCell ref="B240:C240"/>
    <mergeCell ref="B232:C232"/>
    <mergeCell ref="B53:C53"/>
    <mergeCell ref="B231:C231"/>
    <mergeCell ref="B250:C250"/>
    <mergeCell ref="B251:C251"/>
    <mergeCell ref="B290:C290"/>
    <mergeCell ref="B197:C197"/>
    <mergeCell ref="B211:C211"/>
    <mergeCell ref="B212:C212"/>
    <mergeCell ref="B225:C225"/>
    <mergeCell ref="B226:C226"/>
    <mergeCell ref="B203:C203"/>
    <mergeCell ref="B204:C204"/>
    <mergeCell ref="B113:C113"/>
    <mergeCell ref="B114:C114"/>
    <mergeCell ref="B104:C104"/>
    <mergeCell ref="B105:C105"/>
    <mergeCell ref="B2:C2"/>
    <mergeCell ref="B4:C4"/>
    <mergeCell ref="B5:C5"/>
    <mergeCell ref="B14:C14"/>
    <mergeCell ref="B13:C13"/>
    <mergeCell ref="B308:C308"/>
    <mergeCell ref="B309:C309"/>
    <mergeCell ref="B334:C334"/>
    <mergeCell ref="B335:C335"/>
    <mergeCell ref="B39:C39"/>
    <mergeCell ref="B40:C40"/>
    <mergeCell ref="B47:C47"/>
    <mergeCell ref="B48:C48"/>
    <mergeCell ref="B196:C196"/>
    <mergeCell ref="B92:C92"/>
    <mergeCell ref="B80:C80"/>
    <mergeCell ref="B81:C81"/>
    <mergeCell ref="B52:C52"/>
    <mergeCell ref="B91:C91"/>
    <mergeCell ref="B73:C73"/>
    <mergeCell ref="B74:C74"/>
  </mergeCells>
  <pageMargins left="0.7" right="0.7" top="0.75" bottom="0.75" header="0.3" footer="0.3"/>
  <pageSetup paperSize="9" orientation="portrait" r:id="rId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B1:D521"/>
  <sheetViews>
    <sheetView topLeftCell="A527" workbookViewId="0">
      <selection activeCell="G256" sqref="G256"/>
    </sheetView>
  </sheetViews>
  <sheetFormatPr defaultRowHeight="15" x14ac:dyDescent="0.25"/>
  <cols>
    <col min="2" max="2" width="11.7109375" customWidth="1"/>
    <col min="3" max="3" width="59.85546875" bestFit="1" customWidth="1"/>
    <col min="4" max="4" width="11.42578125" customWidth="1"/>
  </cols>
  <sheetData>
    <row r="1" spans="2:4" ht="15.75" thickBot="1" x14ac:dyDescent="0.3"/>
    <row r="2" spans="2:4" ht="15.75" thickBot="1" x14ac:dyDescent="0.3">
      <c r="B2" s="458" t="s">
        <v>2841</v>
      </c>
      <c r="C2" s="459"/>
      <c r="D2" s="460"/>
    </row>
    <row r="3" spans="2:4" ht="15.75" thickBot="1" x14ac:dyDescent="0.3"/>
    <row r="4" spans="2:4" ht="15.75" thickBot="1" x14ac:dyDescent="0.3">
      <c r="B4" s="452" t="s">
        <v>2789</v>
      </c>
      <c r="C4" s="453"/>
      <c r="D4" s="454"/>
    </row>
    <row r="5" spans="2:4" ht="15" customHeight="1" x14ac:dyDescent="0.25">
      <c r="B5" s="439" t="s">
        <v>2796</v>
      </c>
      <c r="C5" s="440"/>
      <c r="D5" s="441"/>
    </row>
    <row r="6" spans="2:4" ht="15.75" thickBot="1" x14ac:dyDescent="0.3">
      <c r="B6" s="442"/>
      <c r="C6" s="443"/>
      <c r="D6" s="444"/>
    </row>
    <row r="7" spans="2:4" x14ac:dyDescent="0.25">
      <c r="B7" s="150"/>
      <c r="C7" s="445" t="s">
        <v>2373</v>
      </c>
      <c r="D7" s="446"/>
    </row>
    <row r="8" spans="2:4" x14ac:dyDescent="0.25">
      <c r="B8" s="149"/>
      <c r="C8" s="449" t="s">
        <v>1808</v>
      </c>
      <c r="D8" s="448"/>
    </row>
    <row r="9" spans="2:4" x14ac:dyDescent="0.25">
      <c r="B9" s="149"/>
      <c r="C9" s="449" t="s">
        <v>2797</v>
      </c>
      <c r="D9" s="448"/>
    </row>
    <row r="10" spans="2:4" x14ac:dyDescent="0.25">
      <c r="B10" s="149"/>
      <c r="C10" s="449" t="s">
        <v>2790</v>
      </c>
      <c r="D10" s="448"/>
    </row>
    <row r="11" spans="2:4" x14ac:dyDescent="0.25">
      <c r="B11" s="149"/>
      <c r="C11" s="449" t="s">
        <v>2791</v>
      </c>
      <c r="D11" s="448"/>
    </row>
    <row r="12" spans="2:4" x14ac:dyDescent="0.25">
      <c r="B12" s="149"/>
      <c r="C12" s="449" t="s">
        <v>2792</v>
      </c>
      <c r="D12" s="448"/>
    </row>
    <row r="13" spans="2:4" x14ac:dyDescent="0.25">
      <c r="B13" s="149"/>
      <c r="C13" s="449" t="s">
        <v>2793</v>
      </c>
      <c r="D13" s="448"/>
    </row>
    <row r="14" spans="2:4" ht="30" customHeight="1" x14ac:dyDescent="0.25">
      <c r="B14" s="149"/>
      <c r="C14" s="447" t="s">
        <v>2801</v>
      </c>
      <c r="D14" s="461"/>
    </row>
    <row r="15" spans="2:4" x14ac:dyDescent="0.25">
      <c r="B15" s="149"/>
      <c r="C15" s="449" t="s">
        <v>2798</v>
      </c>
      <c r="D15" s="448"/>
    </row>
    <row r="16" spans="2:4" x14ac:dyDescent="0.25">
      <c r="B16" s="149"/>
      <c r="C16" s="449" t="s">
        <v>2794</v>
      </c>
      <c r="D16" s="448"/>
    </row>
    <row r="17" spans="2:4" x14ac:dyDescent="0.25">
      <c r="B17" s="149"/>
      <c r="C17" s="449" t="s">
        <v>2799</v>
      </c>
      <c r="D17" s="448"/>
    </row>
    <row r="18" spans="2:4" x14ac:dyDescent="0.25">
      <c r="B18" s="149"/>
      <c r="C18" s="449" t="s">
        <v>2800</v>
      </c>
      <c r="D18" s="448"/>
    </row>
    <row r="19" spans="2:4" x14ac:dyDescent="0.25">
      <c r="B19" s="149"/>
      <c r="C19" s="449" t="s">
        <v>2795</v>
      </c>
      <c r="D19" s="448"/>
    </row>
    <row r="20" spans="2:4" ht="15.75" thickBot="1" x14ac:dyDescent="0.3">
      <c r="B20" s="81"/>
      <c r="C20" s="450" t="s">
        <v>2374</v>
      </c>
      <c r="D20" s="451"/>
    </row>
    <row r="21" spans="2:4" ht="15.75" thickBot="1" x14ac:dyDescent="0.3"/>
    <row r="22" spans="2:4" ht="15.75" thickBot="1" x14ac:dyDescent="0.3">
      <c r="B22" s="452" t="s">
        <v>2803</v>
      </c>
      <c r="C22" s="453"/>
      <c r="D22" s="454"/>
    </row>
    <row r="23" spans="2:4" x14ac:dyDescent="0.25">
      <c r="B23" s="439" t="s">
        <v>2804</v>
      </c>
      <c r="C23" s="440"/>
      <c r="D23" s="441"/>
    </row>
    <row r="24" spans="2:4" ht="15.75" thickBot="1" x14ac:dyDescent="0.3">
      <c r="B24" s="442"/>
      <c r="C24" s="443"/>
      <c r="D24" s="444"/>
    </row>
    <row r="25" spans="2:4" x14ac:dyDescent="0.25">
      <c r="B25" s="150"/>
      <c r="C25" s="445" t="s">
        <v>2805</v>
      </c>
      <c r="D25" s="446"/>
    </row>
    <row r="26" spans="2:4" x14ac:dyDescent="0.25">
      <c r="B26" s="149"/>
      <c r="C26" s="449" t="s">
        <v>2806</v>
      </c>
      <c r="D26" s="448"/>
    </row>
    <row r="27" spans="2:4" ht="28.15" customHeight="1" x14ac:dyDescent="0.25">
      <c r="B27" s="149"/>
      <c r="C27" s="447" t="s">
        <v>2807</v>
      </c>
      <c r="D27" s="448"/>
    </row>
    <row r="28" spans="2:4" x14ac:dyDescent="0.25">
      <c r="B28" s="149"/>
      <c r="C28" s="449" t="s">
        <v>2808</v>
      </c>
      <c r="D28" s="448"/>
    </row>
    <row r="29" spans="2:4" x14ac:dyDescent="0.25">
      <c r="B29" s="149"/>
      <c r="C29" s="449" t="s">
        <v>2809</v>
      </c>
      <c r="D29" s="448"/>
    </row>
    <row r="30" spans="2:4" x14ac:dyDescent="0.25">
      <c r="B30" s="149"/>
      <c r="C30" s="449" t="s">
        <v>2810</v>
      </c>
      <c r="D30" s="448"/>
    </row>
    <row r="31" spans="2:4" x14ac:dyDescent="0.25">
      <c r="B31" s="149"/>
      <c r="C31" s="449" t="s">
        <v>2811</v>
      </c>
      <c r="D31" s="448"/>
    </row>
    <row r="32" spans="2:4" x14ac:dyDescent="0.25">
      <c r="B32" s="149"/>
      <c r="C32" s="447" t="s">
        <v>2812</v>
      </c>
      <c r="D32" s="461"/>
    </row>
    <row r="33" spans="2:4" x14ac:dyDescent="0.25">
      <c r="B33" s="149"/>
      <c r="C33" s="449" t="s">
        <v>2813</v>
      </c>
      <c r="D33" s="448"/>
    </row>
    <row r="34" spans="2:4" x14ac:dyDescent="0.25">
      <c r="B34" s="149"/>
      <c r="C34" s="449" t="s">
        <v>2814</v>
      </c>
      <c r="D34" s="448"/>
    </row>
    <row r="35" spans="2:4" x14ac:dyDescent="0.25">
      <c r="B35" s="149"/>
      <c r="C35" s="449" t="s">
        <v>2815</v>
      </c>
      <c r="D35" s="448"/>
    </row>
    <row r="36" spans="2:4" x14ac:dyDescent="0.25">
      <c r="B36" s="149"/>
      <c r="C36" s="449" t="s">
        <v>2816</v>
      </c>
      <c r="D36" s="448"/>
    </row>
    <row r="37" spans="2:4" x14ac:dyDescent="0.25">
      <c r="B37" s="149"/>
      <c r="C37" s="449" t="s">
        <v>2817</v>
      </c>
      <c r="D37" s="448"/>
    </row>
    <row r="38" spans="2:4" x14ac:dyDescent="0.25">
      <c r="B38" s="149"/>
      <c r="C38" s="151" t="s">
        <v>2818</v>
      </c>
      <c r="D38" s="152"/>
    </row>
    <row r="39" spans="2:4" x14ac:dyDescent="0.25">
      <c r="B39" s="149"/>
      <c r="C39" s="151" t="s">
        <v>2819</v>
      </c>
      <c r="D39" s="152"/>
    </row>
    <row r="40" spans="2:4" ht="15.75" thickBot="1" x14ac:dyDescent="0.3">
      <c r="B40" s="81"/>
      <c r="C40" s="450" t="s">
        <v>2820</v>
      </c>
      <c r="D40" s="451"/>
    </row>
    <row r="41" spans="2:4" ht="15.75" thickBot="1" x14ac:dyDescent="0.3"/>
    <row r="42" spans="2:4" ht="15.75" thickBot="1" x14ac:dyDescent="0.3">
      <c r="B42" s="452" t="s">
        <v>2802</v>
      </c>
      <c r="C42" s="453"/>
      <c r="D42" s="454"/>
    </row>
    <row r="43" spans="2:4" x14ac:dyDescent="0.25">
      <c r="B43" s="439" t="s">
        <v>2821</v>
      </c>
      <c r="C43" s="440"/>
      <c r="D43" s="441"/>
    </row>
    <row r="44" spans="2:4" ht="15.75" thickBot="1" x14ac:dyDescent="0.3">
      <c r="B44" s="442"/>
      <c r="C44" s="443"/>
      <c r="D44" s="444"/>
    </row>
    <row r="45" spans="2:4" x14ac:dyDescent="0.25">
      <c r="B45" s="150"/>
      <c r="C45" s="445" t="s">
        <v>2822</v>
      </c>
      <c r="D45" s="446"/>
    </row>
    <row r="46" spans="2:4" x14ac:dyDescent="0.25">
      <c r="B46" s="149"/>
      <c r="C46" s="449" t="s">
        <v>2823</v>
      </c>
      <c r="D46" s="448"/>
    </row>
    <row r="47" spans="2:4" x14ac:dyDescent="0.25">
      <c r="B47" s="149"/>
      <c r="C47" s="447" t="s">
        <v>2824</v>
      </c>
      <c r="D47" s="448"/>
    </row>
    <row r="48" spans="2:4" x14ac:dyDescent="0.25">
      <c r="B48" s="149"/>
      <c r="C48" s="449" t="s">
        <v>2825</v>
      </c>
      <c r="D48" s="448"/>
    </row>
    <row r="49" spans="2:4" x14ac:dyDescent="0.25">
      <c r="B49" s="149"/>
      <c r="C49" s="449" t="s">
        <v>2254</v>
      </c>
      <c r="D49" s="448"/>
    </row>
    <row r="50" spans="2:4" x14ac:dyDescent="0.25">
      <c r="B50" s="149"/>
      <c r="C50" s="449" t="s">
        <v>2826</v>
      </c>
      <c r="D50" s="448"/>
    </row>
    <row r="51" spans="2:4" x14ac:dyDescent="0.25">
      <c r="B51" s="149"/>
      <c r="C51" s="449" t="s">
        <v>2827</v>
      </c>
      <c r="D51" s="448"/>
    </row>
    <row r="52" spans="2:4" ht="15.75" thickBot="1" x14ac:dyDescent="0.3">
      <c r="B52" s="81"/>
      <c r="C52" s="450" t="s">
        <v>2828</v>
      </c>
      <c r="D52" s="451"/>
    </row>
    <row r="53" spans="2:4" ht="15.75" thickBot="1" x14ac:dyDescent="0.3"/>
    <row r="54" spans="2:4" ht="15.75" thickBot="1" x14ac:dyDescent="0.3">
      <c r="B54" s="452" t="s">
        <v>2829</v>
      </c>
      <c r="C54" s="453"/>
      <c r="D54" s="454"/>
    </row>
    <row r="55" spans="2:4" x14ac:dyDescent="0.25">
      <c r="B55" s="439" t="s">
        <v>2830</v>
      </c>
      <c r="C55" s="440"/>
      <c r="D55" s="441"/>
    </row>
    <row r="56" spans="2:4" ht="15.75" thickBot="1" x14ac:dyDescent="0.3">
      <c r="B56" s="442"/>
      <c r="C56" s="443"/>
      <c r="D56" s="444"/>
    </row>
    <row r="57" spans="2:4" x14ac:dyDescent="0.25">
      <c r="B57" s="150"/>
      <c r="C57" s="445" t="s">
        <v>2831</v>
      </c>
      <c r="D57" s="446"/>
    </row>
    <row r="58" spans="2:4" x14ac:dyDescent="0.25">
      <c r="B58" s="149"/>
      <c r="C58" s="449" t="s">
        <v>2832</v>
      </c>
      <c r="D58" s="448"/>
    </row>
    <row r="59" spans="2:4" x14ac:dyDescent="0.25">
      <c r="B59" s="149"/>
      <c r="C59" s="447" t="s">
        <v>2833</v>
      </c>
      <c r="D59" s="448"/>
    </row>
    <row r="60" spans="2:4" x14ac:dyDescent="0.25">
      <c r="B60" s="149"/>
      <c r="C60" s="449" t="s">
        <v>2834</v>
      </c>
      <c r="D60" s="448"/>
    </row>
    <row r="61" spans="2:4" x14ac:dyDescent="0.25">
      <c r="B61" s="149"/>
      <c r="C61" s="449" t="s">
        <v>2835</v>
      </c>
      <c r="D61" s="448"/>
    </row>
    <row r="62" spans="2:4" x14ac:dyDescent="0.25">
      <c r="B62" s="149"/>
      <c r="C62" s="449" t="s">
        <v>2836</v>
      </c>
      <c r="D62" s="448"/>
    </row>
    <row r="63" spans="2:4" ht="15.75" thickBot="1" x14ac:dyDescent="0.3">
      <c r="B63" s="153"/>
      <c r="C63" s="450" t="s">
        <v>2837</v>
      </c>
      <c r="D63" s="451"/>
    </row>
    <row r="64" spans="2:4" ht="15.75" thickBot="1" x14ac:dyDescent="0.3"/>
    <row r="65" spans="2:4" ht="15.75" thickBot="1" x14ac:dyDescent="0.3">
      <c r="B65" s="452" t="s">
        <v>2838</v>
      </c>
      <c r="C65" s="453"/>
      <c r="D65" s="454"/>
    </row>
    <row r="66" spans="2:4" x14ac:dyDescent="0.25">
      <c r="B66" s="439" t="s">
        <v>2839</v>
      </c>
      <c r="C66" s="440"/>
      <c r="D66" s="441"/>
    </row>
    <row r="67" spans="2:4" ht="15.75" thickBot="1" x14ac:dyDescent="0.3">
      <c r="B67" s="462"/>
      <c r="C67" s="443"/>
      <c r="D67" s="444"/>
    </row>
    <row r="68" spans="2:4" ht="15.75" thickBot="1" x14ac:dyDescent="0.3">
      <c r="B68" s="18"/>
      <c r="C68" s="467" t="s">
        <v>2840</v>
      </c>
      <c r="D68" s="255"/>
    </row>
    <row r="69" spans="2:4" ht="15.75" thickBot="1" x14ac:dyDescent="0.3"/>
    <row r="70" spans="2:4" ht="15.75" thickBot="1" x14ac:dyDescent="0.3">
      <c r="B70" s="452" t="s">
        <v>2842</v>
      </c>
      <c r="C70" s="453"/>
      <c r="D70" s="454"/>
    </row>
    <row r="71" spans="2:4" ht="15" customHeight="1" x14ac:dyDescent="0.25">
      <c r="B71" s="439" t="s">
        <v>2843</v>
      </c>
      <c r="C71" s="440"/>
      <c r="D71" s="441"/>
    </row>
    <row r="72" spans="2:4" ht="15.75" thickBot="1" x14ac:dyDescent="0.3">
      <c r="B72" s="462"/>
      <c r="C72" s="443"/>
      <c r="D72" s="444"/>
    </row>
    <row r="73" spans="2:4" x14ac:dyDescent="0.25">
      <c r="B73" s="154"/>
      <c r="C73" s="463" t="s">
        <v>1717</v>
      </c>
      <c r="D73" s="464"/>
    </row>
    <row r="74" spans="2:4" ht="15.75" thickBot="1" x14ac:dyDescent="0.3">
      <c r="B74" s="155"/>
      <c r="C74" s="465" t="s">
        <v>2844</v>
      </c>
      <c r="D74" s="466"/>
    </row>
    <row r="75" spans="2:4" ht="15.75" thickBot="1" x14ac:dyDescent="0.3"/>
    <row r="76" spans="2:4" ht="15.75" thickBot="1" x14ac:dyDescent="0.3">
      <c r="B76" s="452" t="s">
        <v>2845</v>
      </c>
      <c r="C76" s="453"/>
      <c r="D76" s="454"/>
    </row>
    <row r="77" spans="2:4" x14ac:dyDescent="0.25">
      <c r="B77" s="439" t="s">
        <v>2846</v>
      </c>
      <c r="C77" s="440"/>
      <c r="D77" s="441"/>
    </row>
    <row r="78" spans="2:4" ht="15.75" thickBot="1" x14ac:dyDescent="0.3">
      <c r="B78" s="442"/>
      <c r="C78" s="443"/>
      <c r="D78" s="444"/>
    </row>
    <row r="79" spans="2:4" x14ac:dyDescent="0.25">
      <c r="B79" s="150"/>
      <c r="C79" s="445" t="s">
        <v>2847</v>
      </c>
      <c r="D79" s="446"/>
    </row>
    <row r="80" spans="2:4" x14ac:dyDescent="0.25">
      <c r="B80" s="149"/>
      <c r="C80" s="449" t="s">
        <v>2848</v>
      </c>
      <c r="D80" s="448"/>
    </row>
    <row r="81" spans="2:4" x14ac:dyDescent="0.25">
      <c r="B81" s="149"/>
      <c r="C81" s="447" t="s">
        <v>2849</v>
      </c>
      <c r="D81" s="448"/>
    </row>
    <row r="82" spans="2:4" x14ac:dyDescent="0.25">
      <c r="B82" s="149"/>
      <c r="C82" s="449" t="s">
        <v>2850</v>
      </c>
      <c r="D82" s="448"/>
    </row>
    <row r="83" spans="2:4" x14ac:dyDescent="0.25">
      <c r="B83" s="149"/>
      <c r="C83" s="449" t="s">
        <v>2851</v>
      </c>
      <c r="D83" s="448"/>
    </row>
    <row r="84" spans="2:4" x14ac:dyDescent="0.25">
      <c r="B84" s="149"/>
      <c r="C84" s="449" t="s">
        <v>2837</v>
      </c>
      <c r="D84" s="448"/>
    </row>
    <row r="85" spans="2:4" ht="15.75" thickBot="1" x14ac:dyDescent="0.3">
      <c r="B85" s="153"/>
      <c r="C85" s="450" t="s">
        <v>2852</v>
      </c>
      <c r="D85" s="451"/>
    </row>
    <row r="86" spans="2:4" ht="15.75" thickBot="1" x14ac:dyDescent="0.3">
      <c r="C86" s="470"/>
      <c r="D86" s="470"/>
    </row>
    <row r="87" spans="2:4" ht="15.75" thickBot="1" x14ac:dyDescent="0.3">
      <c r="B87" s="452" t="s">
        <v>2853</v>
      </c>
      <c r="C87" s="453"/>
      <c r="D87" s="454"/>
    </row>
    <row r="88" spans="2:4" x14ac:dyDescent="0.25">
      <c r="B88" s="439" t="s">
        <v>2854</v>
      </c>
      <c r="C88" s="440"/>
      <c r="D88" s="441"/>
    </row>
    <row r="89" spans="2:4" ht="15.75" thickBot="1" x14ac:dyDescent="0.3">
      <c r="B89" s="442"/>
      <c r="C89" s="443"/>
      <c r="D89" s="444"/>
    </row>
    <row r="90" spans="2:4" x14ac:dyDescent="0.25">
      <c r="B90" s="150"/>
      <c r="C90" s="445" t="s">
        <v>2855</v>
      </c>
      <c r="D90" s="446"/>
    </row>
    <row r="91" spans="2:4" x14ac:dyDescent="0.25">
      <c r="B91" s="149"/>
      <c r="C91" s="449" t="s">
        <v>2856</v>
      </c>
      <c r="D91" s="448"/>
    </row>
    <row r="92" spans="2:4" x14ac:dyDescent="0.25">
      <c r="B92" s="149"/>
      <c r="C92" s="447" t="s">
        <v>2857</v>
      </c>
      <c r="D92" s="448"/>
    </row>
    <row r="93" spans="2:4" x14ac:dyDescent="0.25">
      <c r="B93" s="149"/>
      <c r="C93" s="449" t="s">
        <v>2858</v>
      </c>
      <c r="D93" s="448"/>
    </row>
    <row r="94" spans="2:4" x14ac:dyDescent="0.25">
      <c r="B94" s="149"/>
      <c r="C94" s="449" t="s">
        <v>2859</v>
      </c>
      <c r="D94" s="448"/>
    </row>
    <row r="95" spans="2:4" x14ac:dyDescent="0.25">
      <c r="B95" s="149"/>
      <c r="C95" s="156" t="s">
        <v>2860</v>
      </c>
      <c r="D95" s="157"/>
    </row>
    <row r="96" spans="2:4" x14ac:dyDescent="0.25">
      <c r="B96" s="149"/>
      <c r="C96" s="156" t="s">
        <v>2861</v>
      </c>
      <c r="D96" s="157"/>
    </row>
    <row r="97" spans="2:4" x14ac:dyDescent="0.25">
      <c r="B97" s="149"/>
      <c r="C97" s="449" t="s">
        <v>2862</v>
      </c>
      <c r="D97" s="448"/>
    </row>
    <row r="98" spans="2:4" ht="15.75" thickBot="1" x14ac:dyDescent="0.3">
      <c r="B98" s="153"/>
      <c r="C98" s="450" t="s">
        <v>2863</v>
      </c>
      <c r="D98" s="451"/>
    </row>
    <row r="99" spans="2:4" ht="15.75" thickBot="1" x14ac:dyDescent="0.3"/>
    <row r="100" spans="2:4" ht="15.75" thickBot="1" x14ac:dyDescent="0.3">
      <c r="B100" s="452" t="s">
        <v>2864</v>
      </c>
      <c r="C100" s="453"/>
      <c r="D100" s="454"/>
    </row>
    <row r="101" spans="2:4" x14ac:dyDescent="0.25">
      <c r="B101" s="439" t="s">
        <v>2865</v>
      </c>
      <c r="C101" s="440"/>
      <c r="D101" s="441"/>
    </row>
    <row r="102" spans="2:4" ht="15.75" thickBot="1" x14ac:dyDescent="0.3">
      <c r="B102" s="442"/>
      <c r="C102" s="443"/>
      <c r="D102" s="444"/>
    </row>
    <row r="103" spans="2:4" x14ac:dyDescent="0.25">
      <c r="B103" s="150"/>
      <c r="C103" s="445" t="s">
        <v>2866</v>
      </c>
      <c r="D103" s="446"/>
    </row>
    <row r="104" spans="2:4" x14ac:dyDescent="0.25">
      <c r="B104" s="149"/>
      <c r="C104" s="449" t="s">
        <v>2867</v>
      </c>
      <c r="D104" s="448"/>
    </row>
    <row r="105" spans="2:4" x14ac:dyDescent="0.25">
      <c r="B105" s="149"/>
      <c r="C105" s="447" t="s">
        <v>2868</v>
      </c>
      <c r="D105" s="448"/>
    </row>
    <row r="106" spans="2:4" x14ac:dyDescent="0.25">
      <c r="B106" s="149"/>
      <c r="C106" s="449" t="s">
        <v>2869</v>
      </c>
      <c r="D106" s="448"/>
    </row>
    <row r="107" spans="2:4" x14ac:dyDescent="0.25">
      <c r="B107" s="149"/>
      <c r="C107" s="449" t="s">
        <v>2870</v>
      </c>
      <c r="D107" s="448"/>
    </row>
    <row r="108" spans="2:4" x14ac:dyDescent="0.25">
      <c r="B108" s="149"/>
      <c r="C108" s="449" t="s">
        <v>2871</v>
      </c>
      <c r="D108" s="448"/>
    </row>
    <row r="109" spans="2:4" x14ac:dyDescent="0.25">
      <c r="B109" s="149"/>
      <c r="C109" s="449" t="s">
        <v>2872</v>
      </c>
      <c r="D109" s="448"/>
    </row>
    <row r="110" spans="2:4" ht="28.9" customHeight="1" x14ac:dyDescent="0.25">
      <c r="B110" s="149"/>
      <c r="C110" s="447" t="s">
        <v>2873</v>
      </c>
      <c r="D110" s="461"/>
    </row>
    <row r="111" spans="2:4" x14ac:dyDescent="0.25">
      <c r="B111" s="149"/>
      <c r="C111" s="449" t="s">
        <v>2874</v>
      </c>
      <c r="D111" s="448"/>
    </row>
    <row r="112" spans="2:4" x14ac:dyDescent="0.25">
      <c r="B112" s="149"/>
      <c r="C112" s="449" t="s">
        <v>1379</v>
      </c>
      <c r="D112" s="448"/>
    </row>
    <row r="113" spans="2:4" x14ac:dyDescent="0.25">
      <c r="B113" s="149"/>
      <c r="C113" s="449" t="s">
        <v>158</v>
      </c>
      <c r="D113" s="448"/>
    </row>
    <row r="114" spans="2:4" x14ac:dyDescent="0.25">
      <c r="B114" s="149"/>
      <c r="C114" s="449" t="s">
        <v>2875</v>
      </c>
      <c r="D114" s="448"/>
    </row>
    <row r="115" spans="2:4" x14ac:dyDescent="0.25">
      <c r="B115" s="149"/>
      <c r="C115" s="449" t="s">
        <v>2876</v>
      </c>
      <c r="D115" s="448"/>
    </row>
    <row r="116" spans="2:4" x14ac:dyDescent="0.25">
      <c r="B116" s="149"/>
      <c r="C116" s="151" t="s">
        <v>2877</v>
      </c>
      <c r="D116" s="152"/>
    </row>
    <row r="117" spans="2:4" x14ac:dyDescent="0.25">
      <c r="B117" s="149"/>
      <c r="C117" s="151" t="s">
        <v>2878</v>
      </c>
      <c r="D117" s="152"/>
    </row>
    <row r="118" spans="2:4" x14ac:dyDescent="0.25">
      <c r="B118" s="149"/>
      <c r="C118" s="151" t="s">
        <v>2879</v>
      </c>
      <c r="D118" s="152"/>
    </row>
    <row r="119" spans="2:4" x14ac:dyDescent="0.25">
      <c r="B119" s="149"/>
      <c r="C119" s="151" t="s">
        <v>2880</v>
      </c>
      <c r="D119" s="152"/>
    </row>
    <row r="120" spans="2:4" x14ac:dyDescent="0.25">
      <c r="B120" s="149"/>
      <c r="C120" s="151" t="s">
        <v>2881</v>
      </c>
      <c r="D120" s="152"/>
    </row>
    <row r="121" spans="2:4" ht="15.75" thickBot="1" x14ac:dyDescent="0.3">
      <c r="B121" s="81"/>
      <c r="C121" s="450" t="s">
        <v>2074</v>
      </c>
      <c r="D121" s="451"/>
    </row>
    <row r="122" spans="2:4" ht="15.75" thickBot="1" x14ac:dyDescent="0.3"/>
    <row r="123" spans="2:4" ht="15.75" thickBot="1" x14ac:dyDescent="0.3">
      <c r="B123" s="452" t="s">
        <v>2987</v>
      </c>
      <c r="C123" s="453"/>
      <c r="D123" s="454"/>
    </row>
    <row r="124" spans="2:4" x14ac:dyDescent="0.25">
      <c r="B124" s="439" t="s">
        <v>2882</v>
      </c>
      <c r="C124" s="440"/>
      <c r="D124" s="441"/>
    </row>
    <row r="125" spans="2:4" ht="15.75" thickBot="1" x14ac:dyDescent="0.3">
      <c r="B125" s="442"/>
      <c r="C125" s="443"/>
      <c r="D125" s="444"/>
    </row>
    <row r="126" spans="2:4" x14ac:dyDescent="0.25">
      <c r="B126" s="160"/>
      <c r="C126" s="469"/>
      <c r="D126" s="446"/>
    </row>
    <row r="127" spans="2:4" x14ac:dyDescent="0.25">
      <c r="B127" s="161"/>
      <c r="C127" s="4" t="s">
        <v>2883</v>
      </c>
      <c r="D127" s="158"/>
    </row>
    <row r="128" spans="2:4" x14ac:dyDescent="0.25">
      <c r="B128" s="161"/>
      <c r="C128" s="4" t="s">
        <v>2884</v>
      </c>
      <c r="D128" s="158"/>
    </row>
    <row r="129" spans="2:4" x14ac:dyDescent="0.25">
      <c r="B129" s="161"/>
      <c r="C129" s="4" t="s">
        <v>2885</v>
      </c>
      <c r="D129" s="158"/>
    </row>
    <row r="130" spans="2:4" x14ac:dyDescent="0.25">
      <c r="B130" s="161"/>
      <c r="C130" s="4" t="s">
        <v>2986</v>
      </c>
      <c r="D130" s="158"/>
    </row>
    <row r="131" spans="2:4" x14ac:dyDescent="0.25">
      <c r="B131" s="161"/>
      <c r="C131" s="4" t="s">
        <v>2886</v>
      </c>
      <c r="D131" s="158"/>
    </row>
    <row r="132" spans="2:4" x14ac:dyDescent="0.25">
      <c r="B132" s="161"/>
      <c r="C132" s="4" t="s">
        <v>2887</v>
      </c>
      <c r="D132" s="158"/>
    </row>
    <row r="133" spans="2:4" x14ac:dyDescent="0.25">
      <c r="B133" s="161"/>
      <c r="C133" s="4" t="s">
        <v>2988</v>
      </c>
      <c r="D133" s="158"/>
    </row>
    <row r="134" spans="2:4" x14ac:dyDescent="0.25">
      <c r="B134" s="161"/>
      <c r="C134" s="4" t="s">
        <v>2888</v>
      </c>
      <c r="D134" s="158"/>
    </row>
    <row r="135" spans="2:4" x14ac:dyDescent="0.25">
      <c r="B135" s="161"/>
      <c r="C135" s="4" t="s">
        <v>2889</v>
      </c>
      <c r="D135" s="158"/>
    </row>
    <row r="136" spans="2:4" x14ac:dyDescent="0.25">
      <c r="B136" s="161"/>
      <c r="C136" s="4" t="s">
        <v>2890</v>
      </c>
      <c r="D136" s="158"/>
    </row>
    <row r="137" spans="2:4" x14ac:dyDescent="0.25">
      <c r="B137" s="161"/>
      <c r="C137" s="4" t="s">
        <v>2891</v>
      </c>
      <c r="D137" s="158"/>
    </row>
    <row r="138" spans="2:4" x14ac:dyDescent="0.25">
      <c r="B138" s="161"/>
      <c r="C138" s="4" t="s">
        <v>2892</v>
      </c>
      <c r="D138" s="158"/>
    </row>
    <row r="139" spans="2:4" x14ac:dyDescent="0.25">
      <c r="B139" s="161"/>
      <c r="C139" s="4" t="s">
        <v>2893</v>
      </c>
      <c r="D139" s="158"/>
    </row>
    <row r="140" spans="2:4" x14ac:dyDescent="0.25">
      <c r="B140" s="161"/>
      <c r="C140" s="4" t="s">
        <v>2894</v>
      </c>
      <c r="D140" s="158"/>
    </row>
    <row r="141" spans="2:4" x14ac:dyDescent="0.25">
      <c r="B141" s="161"/>
      <c r="C141" s="4" t="s">
        <v>2895</v>
      </c>
      <c r="D141" s="158"/>
    </row>
    <row r="142" spans="2:4" x14ac:dyDescent="0.25">
      <c r="B142" s="161"/>
      <c r="C142" s="4" t="s">
        <v>2896</v>
      </c>
      <c r="D142" s="158"/>
    </row>
    <row r="143" spans="2:4" x14ac:dyDescent="0.25">
      <c r="B143" s="161"/>
      <c r="C143" s="4" t="s">
        <v>2897</v>
      </c>
      <c r="D143" s="158"/>
    </row>
    <row r="144" spans="2:4" x14ac:dyDescent="0.25">
      <c r="B144" s="161"/>
      <c r="C144" s="4" t="s">
        <v>2898</v>
      </c>
      <c r="D144" s="158"/>
    </row>
    <row r="145" spans="2:4" x14ac:dyDescent="0.25">
      <c r="B145" s="161"/>
      <c r="C145" s="4" t="s">
        <v>1563</v>
      </c>
      <c r="D145" s="158"/>
    </row>
    <row r="146" spans="2:4" x14ac:dyDescent="0.25">
      <c r="B146" s="161"/>
      <c r="C146" s="4" t="s">
        <v>2899</v>
      </c>
      <c r="D146" s="158"/>
    </row>
    <row r="147" spans="2:4" x14ac:dyDescent="0.25">
      <c r="B147" s="161"/>
      <c r="C147" s="4" t="s">
        <v>1644</v>
      </c>
      <c r="D147" s="158"/>
    </row>
    <row r="148" spans="2:4" x14ac:dyDescent="0.25">
      <c r="B148" s="161"/>
      <c r="C148" s="4" t="s">
        <v>2900</v>
      </c>
      <c r="D148" s="158"/>
    </row>
    <row r="149" spans="2:4" x14ac:dyDescent="0.25">
      <c r="B149" s="161"/>
      <c r="C149" s="4" t="s">
        <v>2901</v>
      </c>
      <c r="D149" s="158"/>
    </row>
    <row r="150" spans="2:4" x14ac:dyDescent="0.25">
      <c r="B150" s="161"/>
      <c r="C150" s="4" t="s">
        <v>2902</v>
      </c>
      <c r="D150" s="158"/>
    </row>
    <row r="151" spans="2:4" x14ac:dyDescent="0.25">
      <c r="B151" s="161"/>
      <c r="C151" s="4" t="s">
        <v>2903</v>
      </c>
      <c r="D151" s="158"/>
    </row>
    <row r="152" spans="2:4" x14ac:dyDescent="0.25">
      <c r="B152" s="161"/>
      <c r="C152" s="4" t="s">
        <v>2904</v>
      </c>
      <c r="D152" s="158"/>
    </row>
    <row r="153" spans="2:4" x14ac:dyDescent="0.25">
      <c r="B153" s="161"/>
      <c r="C153" s="14" t="s">
        <v>2905</v>
      </c>
      <c r="D153" s="158"/>
    </row>
    <row r="154" spans="2:4" x14ac:dyDescent="0.25">
      <c r="B154" s="161"/>
      <c r="C154" s="4" t="s">
        <v>2906</v>
      </c>
      <c r="D154" s="158"/>
    </row>
    <row r="155" spans="2:4" x14ac:dyDescent="0.25">
      <c r="B155" s="161"/>
      <c r="C155" s="4" t="s">
        <v>2907</v>
      </c>
      <c r="D155" s="158"/>
    </row>
    <row r="156" spans="2:4" x14ac:dyDescent="0.25">
      <c r="B156" s="161"/>
      <c r="C156" s="4" t="s">
        <v>2908</v>
      </c>
      <c r="D156" s="158"/>
    </row>
    <row r="157" spans="2:4" x14ac:dyDescent="0.25">
      <c r="B157" s="161"/>
      <c r="C157" s="4" t="s">
        <v>2909</v>
      </c>
      <c r="D157" s="158"/>
    </row>
    <row r="158" spans="2:4" x14ac:dyDescent="0.25">
      <c r="B158" s="161"/>
      <c r="C158" s="4" t="s">
        <v>1647</v>
      </c>
      <c r="D158" s="158"/>
    </row>
    <row r="159" spans="2:4" x14ac:dyDescent="0.25">
      <c r="B159" s="161"/>
      <c r="C159" s="4" t="s">
        <v>2910</v>
      </c>
      <c r="D159" s="158"/>
    </row>
    <row r="160" spans="2:4" x14ac:dyDescent="0.25">
      <c r="B160" s="161"/>
      <c r="C160" s="4" t="s">
        <v>2911</v>
      </c>
      <c r="D160" s="158"/>
    </row>
    <row r="161" spans="2:4" x14ac:dyDescent="0.25">
      <c r="B161" s="161"/>
      <c r="C161" s="4" t="s">
        <v>2912</v>
      </c>
      <c r="D161" s="158"/>
    </row>
    <row r="162" spans="2:4" x14ac:dyDescent="0.25">
      <c r="B162" s="161"/>
      <c r="C162" s="4" t="s">
        <v>2913</v>
      </c>
      <c r="D162" s="158"/>
    </row>
    <row r="163" spans="2:4" x14ac:dyDescent="0.25">
      <c r="B163" s="161"/>
      <c r="C163" s="4" t="s">
        <v>2914</v>
      </c>
      <c r="D163" s="158"/>
    </row>
    <row r="164" spans="2:4" x14ac:dyDescent="0.25">
      <c r="B164" s="161"/>
      <c r="C164" s="4" t="s">
        <v>2915</v>
      </c>
      <c r="D164" s="158"/>
    </row>
    <row r="165" spans="2:4" x14ac:dyDescent="0.25">
      <c r="B165" s="161"/>
      <c r="C165" s="4" t="s">
        <v>2916</v>
      </c>
      <c r="D165" s="158"/>
    </row>
    <row r="166" spans="2:4" x14ac:dyDescent="0.25">
      <c r="B166" s="161"/>
      <c r="C166" t="s">
        <v>2917</v>
      </c>
      <c r="D166" s="158"/>
    </row>
    <row r="167" spans="2:4" x14ac:dyDescent="0.25">
      <c r="B167" s="161"/>
      <c r="C167" s="32" t="s">
        <v>2918</v>
      </c>
      <c r="D167" s="158"/>
    </row>
    <row r="168" spans="2:4" x14ac:dyDescent="0.25">
      <c r="B168" s="161"/>
      <c r="C168" s="4" t="s">
        <v>2919</v>
      </c>
      <c r="D168" s="158"/>
    </row>
    <row r="169" spans="2:4" x14ac:dyDescent="0.25">
      <c r="B169" s="161"/>
      <c r="C169" s="4" t="s">
        <v>2920</v>
      </c>
      <c r="D169" s="158"/>
    </row>
    <row r="170" spans="2:4" x14ac:dyDescent="0.25">
      <c r="B170" s="161"/>
      <c r="C170" s="4" t="s">
        <v>2921</v>
      </c>
      <c r="D170" s="158"/>
    </row>
    <row r="171" spans="2:4" x14ac:dyDescent="0.25">
      <c r="B171" s="161"/>
      <c r="C171" s="4" t="s">
        <v>2922</v>
      </c>
      <c r="D171" s="158"/>
    </row>
    <row r="172" spans="2:4" x14ac:dyDescent="0.25">
      <c r="B172" s="161"/>
      <c r="C172" s="4" t="s">
        <v>2923</v>
      </c>
      <c r="D172" s="158"/>
    </row>
    <row r="173" spans="2:4" x14ac:dyDescent="0.25">
      <c r="B173" s="161"/>
      <c r="C173" s="4" t="s">
        <v>2924</v>
      </c>
      <c r="D173" s="158"/>
    </row>
    <row r="174" spans="2:4" x14ac:dyDescent="0.25">
      <c r="B174" s="161"/>
      <c r="C174" s="4" t="s">
        <v>1598</v>
      </c>
      <c r="D174" s="158"/>
    </row>
    <row r="175" spans="2:4" x14ac:dyDescent="0.25">
      <c r="B175" s="161"/>
      <c r="C175" s="4" t="s">
        <v>2925</v>
      </c>
      <c r="D175" s="158"/>
    </row>
    <row r="176" spans="2:4" x14ac:dyDescent="0.25">
      <c r="B176" s="161"/>
      <c r="C176" s="4" t="s">
        <v>2926</v>
      </c>
      <c r="D176" s="158"/>
    </row>
    <row r="177" spans="2:4" x14ac:dyDescent="0.25">
      <c r="B177" s="161"/>
      <c r="C177" s="4" t="s">
        <v>2927</v>
      </c>
      <c r="D177" s="158"/>
    </row>
    <row r="178" spans="2:4" x14ac:dyDescent="0.25">
      <c r="B178" s="161"/>
      <c r="C178" s="4" t="s">
        <v>2928</v>
      </c>
      <c r="D178" s="158"/>
    </row>
    <row r="179" spans="2:4" x14ac:dyDescent="0.25">
      <c r="B179" s="161"/>
      <c r="C179" s="4" t="s">
        <v>2929</v>
      </c>
      <c r="D179" s="158"/>
    </row>
    <row r="180" spans="2:4" x14ac:dyDescent="0.25">
      <c r="B180" s="161"/>
      <c r="C180" s="4" t="s">
        <v>2930</v>
      </c>
      <c r="D180" s="158"/>
    </row>
    <row r="181" spans="2:4" x14ac:dyDescent="0.25">
      <c r="B181" s="161"/>
      <c r="C181" s="4" t="s">
        <v>2931</v>
      </c>
      <c r="D181" s="158"/>
    </row>
    <row r="182" spans="2:4" x14ac:dyDescent="0.25">
      <c r="B182" s="161"/>
      <c r="C182" s="4" t="s">
        <v>2932</v>
      </c>
      <c r="D182" s="158"/>
    </row>
    <row r="183" spans="2:4" x14ac:dyDescent="0.25">
      <c r="B183" s="161"/>
      <c r="C183" t="s">
        <v>2933</v>
      </c>
      <c r="D183" s="158"/>
    </row>
    <row r="184" spans="2:4" x14ac:dyDescent="0.25">
      <c r="B184" s="161"/>
      <c r="C184" s="32" t="s">
        <v>2934</v>
      </c>
      <c r="D184" s="158"/>
    </row>
    <row r="185" spans="2:4" x14ac:dyDescent="0.25">
      <c r="B185" s="161"/>
      <c r="C185" s="4" t="s">
        <v>2935</v>
      </c>
      <c r="D185" s="158"/>
    </row>
    <row r="186" spans="2:4" x14ac:dyDescent="0.25">
      <c r="B186" s="161"/>
      <c r="C186" s="4" t="s">
        <v>2936</v>
      </c>
      <c r="D186" s="158"/>
    </row>
    <row r="187" spans="2:4" x14ac:dyDescent="0.25">
      <c r="B187" s="161"/>
      <c r="C187" t="s">
        <v>2995</v>
      </c>
      <c r="D187" s="158"/>
    </row>
    <row r="188" spans="2:4" x14ac:dyDescent="0.25">
      <c r="B188" s="161"/>
      <c r="C188" s="4" t="s">
        <v>2937</v>
      </c>
      <c r="D188" s="158"/>
    </row>
    <row r="189" spans="2:4" x14ac:dyDescent="0.25">
      <c r="B189" s="161"/>
      <c r="C189" s="4" t="s">
        <v>2938</v>
      </c>
      <c r="D189" s="158"/>
    </row>
    <row r="190" spans="2:4" x14ac:dyDescent="0.25">
      <c r="B190" s="161"/>
      <c r="C190" s="4" t="s">
        <v>2939</v>
      </c>
      <c r="D190" s="158"/>
    </row>
    <row r="191" spans="2:4" x14ac:dyDescent="0.25">
      <c r="B191" s="161"/>
      <c r="C191" s="4" t="s">
        <v>2940</v>
      </c>
      <c r="D191" s="158"/>
    </row>
    <row r="192" spans="2:4" x14ac:dyDescent="0.25">
      <c r="B192" s="161"/>
      <c r="C192" s="4" t="s">
        <v>2941</v>
      </c>
      <c r="D192" s="158"/>
    </row>
    <row r="193" spans="2:4" x14ac:dyDescent="0.25">
      <c r="B193" s="161"/>
      <c r="C193" s="4" t="s">
        <v>2942</v>
      </c>
      <c r="D193" s="158"/>
    </row>
    <row r="194" spans="2:4" x14ac:dyDescent="0.25">
      <c r="B194" s="161"/>
      <c r="C194" s="4" t="s">
        <v>2943</v>
      </c>
      <c r="D194" s="158"/>
    </row>
    <row r="195" spans="2:4" x14ac:dyDescent="0.25">
      <c r="B195" s="161"/>
      <c r="C195" s="4" t="s">
        <v>2944</v>
      </c>
      <c r="D195" s="158"/>
    </row>
    <row r="196" spans="2:4" x14ac:dyDescent="0.25">
      <c r="B196" s="161"/>
      <c r="C196" s="4" t="s">
        <v>2945</v>
      </c>
      <c r="D196" s="158"/>
    </row>
    <row r="197" spans="2:4" x14ac:dyDescent="0.25">
      <c r="B197" s="161"/>
      <c r="C197" s="4" t="s">
        <v>2946</v>
      </c>
      <c r="D197" s="158"/>
    </row>
    <row r="198" spans="2:4" x14ac:dyDescent="0.25">
      <c r="B198" s="161"/>
      <c r="C198" s="4" t="s">
        <v>2947</v>
      </c>
      <c r="D198" s="158"/>
    </row>
    <row r="199" spans="2:4" x14ac:dyDescent="0.25">
      <c r="B199" s="161"/>
      <c r="C199" s="4" t="s">
        <v>2948</v>
      </c>
      <c r="D199" s="158"/>
    </row>
    <row r="200" spans="2:4" x14ac:dyDescent="0.25">
      <c r="B200" s="161"/>
      <c r="C200" s="4" t="s">
        <v>2949</v>
      </c>
      <c r="D200" s="158"/>
    </row>
    <row r="201" spans="2:4" x14ac:dyDescent="0.25">
      <c r="B201" s="161"/>
      <c r="C201" s="4" t="s">
        <v>2950</v>
      </c>
      <c r="D201" s="158"/>
    </row>
    <row r="202" spans="2:4" x14ac:dyDescent="0.25">
      <c r="B202" s="161"/>
      <c r="C202" s="4" t="s">
        <v>2951</v>
      </c>
      <c r="D202" s="158"/>
    </row>
    <row r="203" spans="2:4" x14ac:dyDescent="0.25">
      <c r="B203" s="161"/>
      <c r="C203" s="4" t="s">
        <v>2952</v>
      </c>
      <c r="D203" s="158"/>
    </row>
    <row r="204" spans="2:4" x14ac:dyDescent="0.25">
      <c r="B204" s="161"/>
      <c r="C204" s="4" t="s">
        <v>2953</v>
      </c>
      <c r="D204" s="158"/>
    </row>
    <row r="205" spans="2:4" x14ac:dyDescent="0.25">
      <c r="B205" s="161"/>
      <c r="C205" s="4" t="s">
        <v>2954</v>
      </c>
      <c r="D205" s="158"/>
    </row>
    <row r="206" spans="2:4" x14ac:dyDescent="0.25">
      <c r="B206" s="161"/>
      <c r="C206" s="4" t="s">
        <v>2955</v>
      </c>
      <c r="D206" s="158"/>
    </row>
    <row r="207" spans="2:4" x14ac:dyDescent="0.25">
      <c r="B207" s="161"/>
      <c r="C207" s="4" t="s">
        <v>2956</v>
      </c>
      <c r="D207" s="158"/>
    </row>
    <row r="208" spans="2:4" x14ac:dyDescent="0.25">
      <c r="B208" s="161"/>
      <c r="C208" s="4" t="s">
        <v>2957</v>
      </c>
      <c r="D208" s="158"/>
    </row>
    <row r="209" spans="2:4" x14ac:dyDescent="0.25">
      <c r="B209" s="161"/>
      <c r="C209" s="4" t="s">
        <v>2984</v>
      </c>
      <c r="D209" s="158"/>
    </row>
    <row r="210" spans="2:4" x14ac:dyDescent="0.25">
      <c r="B210" s="161"/>
      <c r="C210" s="4" t="s">
        <v>2958</v>
      </c>
      <c r="D210" s="158"/>
    </row>
    <row r="211" spans="2:4" x14ac:dyDescent="0.25">
      <c r="B211" s="161"/>
      <c r="C211" s="4" t="s">
        <v>2959</v>
      </c>
      <c r="D211" s="158"/>
    </row>
    <row r="212" spans="2:4" x14ac:dyDescent="0.25">
      <c r="B212" s="161"/>
      <c r="C212" s="4" t="s">
        <v>2960</v>
      </c>
      <c r="D212" s="158"/>
    </row>
    <row r="213" spans="2:4" x14ac:dyDescent="0.25">
      <c r="B213" s="161"/>
      <c r="C213" s="4" t="s">
        <v>2961</v>
      </c>
      <c r="D213" s="158"/>
    </row>
    <row r="214" spans="2:4" x14ac:dyDescent="0.25">
      <c r="B214" s="161"/>
      <c r="C214" s="4" t="s">
        <v>2962</v>
      </c>
      <c r="D214" s="158"/>
    </row>
    <row r="215" spans="2:4" x14ac:dyDescent="0.25">
      <c r="B215" s="161"/>
      <c r="C215" s="4" t="s">
        <v>2963</v>
      </c>
      <c r="D215" s="158"/>
    </row>
    <row r="216" spans="2:4" x14ac:dyDescent="0.25">
      <c r="B216" s="161"/>
      <c r="C216" s="4" t="s">
        <v>2964</v>
      </c>
      <c r="D216" s="158"/>
    </row>
    <row r="217" spans="2:4" x14ac:dyDescent="0.25">
      <c r="B217" s="161"/>
      <c r="C217" s="4" t="s">
        <v>2965</v>
      </c>
      <c r="D217" s="158"/>
    </row>
    <row r="218" spans="2:4" x14ac:dyDescent="0.25">
      <c r="B218" s="161"/>
      <c r="C218" s="4" t="s">
        <v>2966</v>
      </c>
      <c r="D218" s="158"/>
    </row>
    <row r="219" spans="2:4" x14ac:dyDescent="0.25">
      <c r="B219" s="161"/>
      <c r="C219" s="4" t="s">
        <v>2985</v>
      </c>
      <c r="D219" s="158"/>
    </row>
    <row r="220" spans="2:4" x14ac:dyDescent="0.25">
      <c r="B220" s="161"/>
      <c r="C220" s="4" t="s">
        <v>2967</v>
      </c>
      <c r="D220" s="158"/>
    </row>
    <row r="221" spans="2:4" x14ac:dyDescent="0.25">
      <c r="B221" s="161"/>
      <c r="C221" s="159" t="s">
        <v>2968</v>
      </c>
      <c r="D221" s="158"/>
    </row>
    <row r="222" spans="2:4" x14ac:dyDescent="0.25">
      <c r="B222" s="161"/>
      <c r="C222" s="32" t="s">
        <v>2969</v>
      </c>
      <c r="D222" s="158"/>
    </row>
    <row r="223" spans="2:4" x14ac:dyDescent="0.25">
      <c r="B223" s="161"/>
      <c r="C223" s="4" t="s">
        <v>2970</v>
      </c>
      <c r="D223" s="158"/>
    </row>
    <row r="224" spans="2:4" x14ac:dyDescent="0.25">
      <c r="B224" s="161"/>
      <c r="C224" s="4" t="s">
        <v>2971</v>
      </c>
      <c r="D224" s="158"/>
    </row>
    <row r="225" spans="2:4" x14ac:dyDescent="0.25">
      <c r="B225" s="161"/>
      <c r="C225" s="4" t="s">
        <v>2972</v>
      </c>
      <c r="D225" s="158"/>
    </row>
    <row r="226" spans="2:4" x14ac:dyDescent="0.25">
      <c r="B226" s="161"/>
      <c r="C226" s="4" t="s">
        <v>2973</v>
      </c>
      <c r="D226" s="158"/>
    </row>
    <row r="227" spans="2:4" x14ac:dyDescent="0.25">
      <c r="B227" s="161"/>
      <c r="C227" s="4" t="s">
        <v>2974</v>
      </c>
      <c r="D227" s="158"/>
    </row>
    <row r="228" spans="2:4" x14ac:dyDescent="0.25">
      <c r="B228" s="161"/>
      <c r="C228" s="4" t="s">
        <v>2975</v>
      </c>
      <c r="D228" s="158"/>
    </row>
    <row r="229" spans="2:4" x14ac:dyDescent="0.25">
      <c r="B229" s="161"/>
      <c r="C229" s="4" t="s">
        <v>2976</v>
      </c>
      <c r="D229" s="158"/>
    </row>
    <row r="230" spans="2:4" x14ac:dyDescent="0.25">
      <c r="B230" s="161"/>
      <c r="C230" s="4" t="s">
        <v>2977</v>
      </c>
      <c r="D230" s="158"/>
    </row>
    <row r="231" spans="2:4" x14ac:dyDescent="0.25">
      <c r="B231" s="161"/>
      <c r="C231" s="4" t="s">
        <v>2978</v>
      </c>
      <c r="D231" s="158"/>
    </row>
    <row r="232" spans="2:4" x14ac:dyDescent="0.25">
      <c r="B232" s="161"/>
      <c r="C232" s="4" t="s">
        <v>2979</v>
      </c>
      <c r="D232" s="158"/>
    </row>
    <row r="233" spans="2:4" x14ac:dyDescent="0.25">
      <c r="B233" s="161"/>
      <c r="C233" s="159" t="s">
        <v>2980</v>
      </c>
      <c r="D233" s="158"/>
    </row>
    <row r="234" spans="2:4" x14ac:dyDescent="0.25">
      <c r="B234" s="161"/>
      <c r="C234" s="4" t="s">
        <v>2981</v>
      </c>
      <c r="D234" s="158"/>
    </row>
    <row r="235" spans="2:4" x14ac:dyDescent="0.25">
      <c r="B235" s="161"/>
      <c r="C235" s="4" t="s">
        <v>1621</v>
      </c>
      <c r="D235" s="158"/>
    </row>
    <row r="236" spans="2:4" x14ac:dyDescent="0.25">
      <c r="B236" s="161"/>
      <c r="C236" s="4" t="s">
        <v>2982</v>
      </c>
      <c r="D236" s="158"/>
    </row>
    <row r="237" spans="2:4" x14ac:dyDescent="0.25">
      <c r="B237" s="161"/>
      <c r="C237" s="4" t="s">
        <v>2983</v>
      </c>
      <c r="D237" s="158"/>
    </row>
    <row r="238" spans="2:4" ht="15.75" thickBot="1" x14ac:dyDescent="0.3">
      <c r="B238" s="39"/>
      <c r="C238" s="468"/>
      <c r="D238" s="451"/>
    </row>
    <row r="239" spans="2:4" ht="15.75" thickBot="1" x14ac:dyDescent="0.3"/>
    <row r="240" spans="2:4" ht="15.75" thickBot="1" x14ac:dyDescent="0.3">
      <c r="B240" s="452" t="s">
        <v>2989</v>
      </c>
      <c r="C240" s="453"/>
      <c r="D240" s="454"/>
    </row>
    <row r="241" spans="2:4" x14ac:dyDescent="0.25">
      <c r="B241" s="439" t="s">
        <v>2990</v>
      </c>
      <c r="C241" s="440"/>
      <c r="D241" s="441"/>
    </row>
    <row r="242" spans="2:4" ht="15.75" thickBot="1" x14ac:dyDescent="0.3">
      <c r="B242" s="442"/>
      <c r="C242" s="443"/>
      <c r="D242" s="444"/>
    </row>
    <row r="243" spans="2:4" x14ac:dyDescent="0.25">
      <c r="B243" s="150"/>
      <c r="C243" s="445" t="s">
        <v>2991</v>
      </c>
      <c r="D243" s="446"/>
    </row>
    <row r="244" spans="2:4" x14ac:dyDescent="0.25">
      <c r="B244" s="149"/>
      <c r="C244" s="449" t="s">
        <v>2992</v>
      </c>
      <c r="D244" s="448"/>
    </row>
    <row r="245" spans="2:4" x14ac:dyDescent="0.25">
      <c r="B245" s="149"/>
      <c r="C245" s="447" t="s">
        <v>2994</v>
      </c>
      <c r="D245" s="448"/>
    </row>
    <row r="246" spans="2:4" ht="15.75" thickBot="1" x14ac:dyDescent="0.3">
      <c r="B246" s="153"/>
      <c r="C246" s="450" t="s">
        <v>2993</v>
      </c>
      <c r="D246" s="451"/>
    </row>
    <row r="247" spans="2:4" ht="15.75" thickBot="1" x14ac:dyDescent="0.3"/>
    <row r="248" spans="2:4" ht="15.75" thickBot="1" x14ac:dyDescent="0.3">
      <c r="B248" s="452" t="s">
        <v>2996</v>
      </c>
      <c r="C248" s="453"/>
      <c r="D248" s="454"/>
    </row>
    <row r="249" spans="2:4" x14ac:dyDescent="0.25">
      <c r="B249" s="439" t="s">
        <v>2997</v>
      </c>
      <c r="C249" s="440"/>
      <c r="D249" s="441"/>
    </row>
    <row r="250" spans="2:4" ht="15.75" thickBot="1" x14ac:dyDescent="0.3">
      <c r="B250" s="442"/>
      <c r="C250" s="443"/>
      <c r="D250" s="444"/>
    </row>
    <row r="251" spans="2:4" x14ac:dyDescent="0.25">
      <c r="B251" s="150"/>
      <c r="C251" s="445" t="s">
        <v>2456</v>
      </c>
      <c r="D251" s="446"/>
    </row>
    <row r="252" spans="2:4" x14ac:dyDescent="0.25">
      <c r="B252" s="149"/>
      <c r="C252" s="449" t="s">
        <v>3000</v>
      </c>
      <c r="D252" s="448"/>
    </row>
    <row r="253" spans="2:4" x14ac:dyDescent="0.25">
      <c r="B253" s="149"/>
      <c r="C253" s="447" t="s">
        <v>3001</v>
      </c>
      <c r="D253" s="448"/>
    </row>
    <row r="254" spans="2:4" x14ac:dyDescent="0.25">
      <c r="B254" s="149"/>
      <c r="C254" s="449" t="s">
        <v>3002</v>
      </c>
      <c r="D254" s="448"/>
    </row>
    <row r="255" spans="2:4" x14ac:dyDescent="0.25">
      <c r="B255" s="149"/>
      <c r="C255" s="449" t="s">
        <v>3003</v>
      </c>
      <c r="D255" s="448"/>
    </row>
    <row r="256" spans="2:4" ht="15.75" thickBot="1" x14ac:dyDescent="0.3">
      <c r="B256" s="153"/>
      <c r="C256" s="450" t="s">
        <v>3004</v>
      </c>
      <c r="D256" s="451"/>
    </row>
    <row r="257" spans="2:4" ht="15.75" thickBot="1" x14ac:dyDescent="0.3"/>
    <row r="258" spans="2:4" ht="15.75" thickBot="1" x14ac:dyDescent="0.3">
      <c r="B258" s="452" t="s">
        <v>2998</v>
      </c>
      <c r="C258" s="453"/>
      <c r="D258" s="454"/>
    </row>
    <row r="259" spans="2:4" x14ac:dyDescent="0.25">
      <c r="B259" s="439" t="s">
        <v>2999</v>
      </c>
      <c r="C259" s="440"/>
      <c r="D259" s="441"/>
    </row>
    <row r="260" spans="2:4" ht="15.75" thickBot="1" x14ac:dyDescent="0.3">
      <c r="B260" s="442"/>
      <c r="C260" s="443"/>
      <c r="D260" s="444"/>
    </row>
    <row r="261" spans="2:4" x14ac:dyDescent="0.25">
      <c r="B261" s="150"/>
      <c r="C261" s="445" t="s">
        <v>3005</v>
      </c>
      <c r="D261" s="446"/>
    </row>
    <row r="262" spans="2:4" x14ac:dyDescent="0.25">
      <c r="B262" s="149"/>
      <c r="C262" s="449" t="s">
        <v>3006</v>
      </c>
      <c r="D262" s="448"/>
    </row>
    <row r="263" spans="2:4" x14ac:dyDescent="0.25">
      <c r="B263" s="149"/>
      <c r="C263" s="447" t="s">
        <v>3007</v>
      </c>
      <c r="D263" s="448"/>
    </row>
    <row r="264" spans="2:4" x14ac:dyDescent="0.25">
      <c r="B264" s="149"/>
      <c r="C264" s="449" t="s">
        <v>3008</v>
      </c>
      <c r="D264" s="448"/>
    </row>
    <row r="265" spans="2:4" x14ac:dyDescent="0.25">
      <c r="B265" s="149"/>
      <c r="C265" s="449" t="s">
        <v>3009</v>
      </c>
      <c r="D265" s="448"/>
    </row>
    <row r="266" spans="2:4" ht="15.75" thickBot="1" x14ac:dyDescent="0.3">
      <c r="B266" s="153"/>
      <c r="C266" s="450" t="s">
        <v>3010</v>
      </c>
      <c r="D266" s="451"/>
    </row>
    <row r="267" spans="2:4" ht="15.75" thickBot="1" x14ac:dyDescent="0.3"/>
    <row r="268" spans="2:4" ht="15.75" thickBot="1" x14ac:dyDescent="0.3">
      <c r="B268" s="452" t="s">
        <v>3011</v>
      </c>
      <c r="C268" s="453"/>
      <c r="D268" s="471"/>
    </row>
    <row r="269" spans="2:4" x14ac:dyDescent="0.25">
      <c r="B269" s="439" t="s">
        <v>2999</v>
      </c>
      <c r="C269" s="440"/>
      <c r="D269" s="441"/>
    </row>
    <row r="270" spans="2:4" ht="15.75" thickBot="1" x14ac:dyDescent="0.3">
      <c r="B270" s="442"/>
      <c r="C270" s="455"/>
      <c r="D270" s="456"/>
    </row>
    <row r="271" spans="2:4" x14ac:dyDescent="0.25">
      <c r="B271" s="45"/>
      <c r="C271" s="14" t="s">
        <v>3012</v>
      </c>
      <c r="D271" s="9"/>
    </row>
    <row r="272" spans="2:4" x14ac:dyDescent="0.25">
      <c r="B272" s="45"/>
      <c r="C272" s="4" t="s">
        <v>3013</v>
      </c>
      <c r="D272" s="5"/>
    </row>
    <row r="273" spans="2:4" x14ac:dyDescent="0.25">
      <c r="B273" s="45"/>
      <c r="C273" s="4" t="s">
        <v>3014</v>
      </c>
      <c r="D273" s="5"/>
    </row>
    <row r="274" spans="2:4" x14ac:dyDescent="0.25">
      <c r="B274" s="45"/>
      <c r="C274" s="4" t="s">
        <v>3015</v>
      </c>
      <c r="D274" s="5"/>
    </row>
    <row r="275" spans="2:4" x14ac:dyDescent="0.25">
      <c r="B275" s="45"/>
      <c r="C275" s="4" t="s">
        <v>3016</v>
      </c>
      <c r="D275" s="5"/>
    </row>
    <row r="276" spans="2:4" x14ac:dyDescent="0.25">
      <c r="B276" s="45"/>
      <c r="C276" s="4" t="s">
        <v>3017</v>
      </c>
      <c r="D276" s="5"/>
    </row>
    <row r="277" spans="2:4" x14ac:dyDescent="0.25">
      <c r="B277" s="45"/>
      <c r="C277" s="4" t="s">
        <v>3018</v>
      </c>
      <c r="D277" s="5"/>
    </row>
    <row r="278" spans="2:4" x14ac:dyDescent="0.25">
      <c r="B278" s="45"/>
      <c r="C278" s="4" t="s">
        <v>3019</v>
      </c>
      <c r="D278" s="5"/>
    </row>
    <row r="279" spans="2:4" x14ac:dyDescent="0.25">
      <c r="B279" s="45"/>
      <c r="C279" s="4" t="s">
        <v>3020</v>
      </c>
      <c r="D279" s="5"/>
    </row>
    <row r="280" spans="2:4" x14ac:dyDescent="0.25">
      <c r="B280" s="45"/>
      <c r="C280" s="4" t="s">
        <v>3021</v>
      </c>
      <c r="D280" s="5"/>
    </row>
    <row r="281" spans="2:4" x14ac:dyDescent="0.25">
      <c r="B281" s="45"/>
      <c r="C281" s="4" t="s">
        <v>3022</v>
      </c>
      <c r="D281" s="5"/>
    </row>
    <row r="282" spans="2:4" x14ac:dyDescent="0.25">
      <c r="B282" s="45"/>
      <c r="C282" s="4" t="s">
        <v>3023</v>
      </c>
      <c r="D282" s="5"/>
    </row>
    <row r="283" spans="2:4" x14ac:dyDescent="0.25">
      <c r="B283" s="45"/>
      <c r="C283" s="4" t="s">
        <v>3024</v>
      </c>
      <c r="D283" s="5"/>
    </row>
    <row r="284" spans="2:4" x14ac:dyDescent="0.25">
      <c r="B284" s="45"/>
      <c r="C284" s="4" t="s">
        <v>3025</v>
      </c>
      <c r="D284" s="5"/>
    </row>
    <row r="285" spans="2:4" x14ac:dyDescent="0.25">
      <c r="B285" s="45"/>
      <c r="C285" s="4" t="s">
        <v>3026</v>
      </c>
      <c r="D285" s="5"/>
    </row>
    <row r="286" spans="2:4" x14ac:dyDescent="0.25">
      <c r="B286" s="45"/>
      <c r="C286" s="4" t="s">
        <v>3027</v>
      </c>
      <c r="D286" s="5"/>
    </row>
    <row r="287" spans="2:4" x14ac:dyDescent="0.25">
      <c r="B287" s="45"/>
      <c r="C287" s="4" t="s">
        <v>3028</v>
      </c>
      <c r="D287" s="5"/>
    </row>
    <row r="288" spans="2:4" x14ac:dyDescent="0.25">
      <c r="B288" s="45"/>
      <c r="C288" s="4" t="s">
        <v>3029</v>
      </c>
      <c r="D288" s="5"/>
    </row>
    <row r="289" spans="2:4" x14ac:dyDescent="0.25">
      <c r="B289" s="45"/>
      <c r="C289" s="4" t="s">
        <v>3030</v>
      </c>
      <c r="D289" s="5"/>
    </row>
    <row r="290" spans="2:4" x14ac:dyDescent="0.25">
      <c r="B290" s="45"/>
      <c r="C290" s="4" t="s">
        <v>3031</v>
      </c>
      <c r="D290" s="5"/>
    </row>
    <row r="291" spans="2:4" x14ac:dyDescent="0.25">
      <c r="B291" s="45"/>
      <c r="C291" s="4" t="s">
        <v>3032</v>
      </c>
      <c r="D291" s="5"/>
    </row>
    <row r="292" spans="2:4" x14ac:dyDescent="0.25">
      <c r="B292" s="45"/>
      <c r="C292" s="4" t="s">
        <v>3033</v>
      </c>
      <c r="D292" s="5"/>
    </row>
    <row r="293" spans="2:4" x14ac:dyDescent="0.25">
      <c r="B293" s="45"/>
      <c r="C293" s="4" t="s">
        <v>3034</v>
      </c>
      <c r="D293" s="5"/>
    </row>
    <row r="294" spans="2:4" x14ac:dyDescent="0.25">
      <c r="B294" s="45"/>
      <c r="C294" s="4" t="s">
        <v>3035</v>
      </c>
      <c r="D294" s="5"/>
    </row>
    <row r="295" spans="2:4" x14ac:dyDescent="0.25">
      <c r="B295" s="45"/>
      <c r="C295" s="4" t="s">
        <v>3036</v>
      </c>
      <c r="D295" s="5"/>
    </row>
    <row r="296" spans="2:4" x14ac:dyDescent="0.25">
      <c r="B296" s="45"/>
      <c r="C296" s="4" t="s">
        <v>3037</v>
      </c>
      <c r="D296" s="5"/>
    </row>
    <row r="297" spans="2:4" x14ac:dyDescent="0.25">
      <c r="B297" s="45"/>
      <c r="C297" s="4" t="s">
        <v>3038</v>
      </c>
      <c r="D297" s="5"/>
    </row>
    <row r="298" spans="2:4" x14ac:dyDescent="0.25">
      <c r="B298" s="45"/>
      <c r="C298" s="4" t="s">
        <v>3039</v>
      </c>
      <c r="D298" s="5"/>
    </row>
    <row r="299" spans="2:4" x14ac:dyDescent="0.25">
      <c r="B299" s="45"/>
      <c r="C299" s="4" t="s">
        <v>3040</v>
      </c>
      <c r="D299" s="5"/>
    </row>
    <row r="300" spans="2:4" x14ac:dyDescent="0.25">
      <c r="B300" s="45"/>
      <c r="C300" s="4" t="s">
        <v>3041</v>
      </c>
      <c r="D300" s="5"/>
    </row>
    <row r="301" spans="2:4" x14ac:dyDescent="0.25">
      <c r="B301" s="45"/>
      <c r="C301" s="4" t="s">
        <v>3042</v>
      </c>
      <c r="D301" s="5"/>
    </row>
    <row r="302" spans="2:4" x14ac:dyDescent="0.25">
      <c r="B302" s="45"/>
      <c r="C302" s="4" t="s">
        <v>3043</v>
      </c>
      <c r="D302" s="5"/>
    </row>
    <row r="303" spans="2:4" x14ac:dyDescent="0.25">
      <c r="B303" s="45"/>
      <c r="C303" s="4" t="s">
        <v>3044</v>
      </c>
      <c r="D303" s="5"/>
    </row>
    <row r="304" spans="2:4" x14ac:dyDescent="0.25">
      <c r="B304" s="45"/>
      <c r="C304" s="4" t="s">
        <v>3045</v>
      </c>
      <c r="D304" s="5"/>
    </row>
    <row r="305" spans="2:4" x14ac:dyDescent="0.25">
      <c r="B305" s="45"/>
      <c r="C305" s="4" t="s">
        <v>3046</v>
      </c>
      <c r="D305" s="5"/>
    </row>
    <row r="306" spans="2:4" x14ac:dyDescent="0.25">
      <c r="B306" s="45"/>
      <c r="C306" s="4" t="s">
        <v>3047</v>
      </c>
      <c r="D306" s="5"/>
    </row>
    <row r="307" spans="2:4" x14ac:dyDescent="0.25">
      <c r="B307" s="45"/>
      <c r="C307" s="4" t="s">
        <v>3048</v>
      </c>
      <c r="D307" s="5"/>
    </row>
    <row r="308" spans="2:4" x14ac:dyDescent="0.25">
      <c r="B308" s="45"/>
      <c r="C308" s="4" t="s">
        <v>3049</v>
      </c>
      <c r="D308" s="5"/>
    </row>
    <row r="309" spans="2:4" x14ac:dyDescent="0.25">
      <c r="B309" s="45"/>
      <c r="C309" s="4" t="s">
        <v>3050</v>
      </c>
      <c r="D309" s="5"/>
    </row>
    <row r="310" spans="2:4" x14ac:dyDescent="0.25">
      <c r="B310" s="45"/>
      <c r="C310" s="4" t="s">
        <v>3051</v>
      </c>
      <c r="D310" s="5"/>
    </row>
    <row r="311" spans="2:4" x14ac:dyDescent="0.25">
      <c r="B311" s="45"/>
      <c r="C311" s="4" t="s">
        <v>3052</v>
      </c>
      <c r="D311" s="5"/>
    </row>
    <row r="312" spans="2:4" x14ac:dyDescent="0.25">
      <c r="B312" s="45"/>
      <c r="C312" s="4" t="s">
        <v>3053</v>
      </c>
      <c r="D312" s="5"/>
    </row>
    <row r="313" spans="2:4" x14ac:dyDescent="0.25">
      <c r="B313" s="45"/>
      <c r="C313" s="4" t="s">
        <v>3054</v>
      </c>
      <c r="D313" s="5"/>
    </row>
    <row r="314" spans="2:4" x14ac:dyDescent="0.25">
      <c r="B314" s="45"/>
      <c r="C314" s="4" t="s">
        <v>3055</v>
      </c>
      <c r="D314" s="5"/>
    </row>
    <row r="315" spans="2:4" x14ac:dyDescent="0.25">
      <c r="B315" s="45"/>
      <c r="C315" s="4" t="s">
        <v>3056</v>
      </c>
      <c r="D315" s="5"/>
    </row>
    <row r="316" spans="2:4" x14ac:dyDescent="0.25">
      <c r="B316" s="45"/>
      <c r="C316" s="4" t="s">
        <v>3057</v>
      </c>
      <c r="D316" s="5"/>
    </row>
    <row r="317" spans="2:4" x14ac:dyDescent="0.25">
      <c r="B317" s="45"/>
      <c r="C317" s="4" t="s">
        <v>3058</v>
      </c>
      <c r="D317" s="5"/>
    </row>
    <row r="318" spans="2:4" x14ac:dyDescent="0.25">
      <c r="B318" s="45"/>
      <c r="C318" s="4" t="s">
        <v>3059</v>
      </c>
      <c r="D318" s="5"/>
    </row>
    <row r="319" spans="2:4" x14ac:dyDescent="0.25">
      <c r="B319" s="45"/>
      <c r="C319" s="4" t="s">
        <v>3060</v>
      </c>
      <c r="D319" s="5"/>
    </row>
    <row r="320" spans="2:4" x14ac:dyDescent="0.25">
      <c r="B320" s="45"/>
      <c r="C320" s="4" t="s">
        <v>3061</v>
      </c>
      <c r="D320" s="5"/>
    </row>
    <row r="321" spans="2:4" x14ac:dyDescent="0.25">
      <c r="B321" s="45"/>
      <c r="C321" s="4" t="s">
        <v>3062</v>
      </c>
      <c r="D321" s="5"/>
    </row>
    <row r="322" spans="2:4" x14ac:dyDescent="0.25">
      <c r="B322" s="45"/>
      <c r="C322" s="4" t="s">
        <v>3063</v>
      </c>
      <c r="D322" s="5"/>
    </row>
    <row r="323" spans="2:4" x14ac:dyDescent="0.25">
      <c r="B323" s="45"/>
      <c r="C323" s="4" t="s">
        <v>3064</v>
      </c>
      <c r="D323" s="5"/>
    </row>
    <row r="324" spans="2:4" x14ac:dyDescent="0.25">
      <c r="B324" s="45"/>
      <c r="C324" s="4" t="s">
        <v>3065</v>
      </c>
      <c r="D324" s="5"/>
    </row>
    <row r="325" spans="2:4" x14ac:dyDescent="0.25">
      <c r="B325" s="45"/>
      <c r="C325" s="4" t="s">
        <v>3066</v>
      </c>
      <c r="D325" s="5"/>
    </row>
    <row r="326" spans="2:4" x14ac:dyDescent="0.25">
      <c r="B326" s="45"/>
      <c r="C326" s="4" t="s">
        <v>3067</v>
      </c>
      <c r="D326" s="5"/>
    </row>
    <row r="327" spans="2:4" x14ac:dyDescent="0.25">
      <c r="B327" s="45"/>
      <c r="C327" s="4" t="s">
        <v>3068</v>
      </c>
      <c r="D327" s="5"/>
    </row>
    <row r="328" spans="2:4" x14ac:dyDescent="0.25">
      <c r="B328" s="45"/>
      <c r="C328" s="4" t="s">
        <v>3069</v>
      </c>
      <c r="D328" s="5"/>
    </row>
    <row r="329" spans="2:4" x14ac:dyDescent="0.25">
      <c r="B329" s="45"/>
      <c r="C329" s="4" t="s">
        <v>3070</v>
      </c>
      <c r="D329" s="5"/>
    </row>
    <row r="330" spans="2:4" x14ac:dyDescent="0.25">
      <c r="B330" s="45"/>
      <c r="C330" s="4" t="s">
        <v>3071</v>
      </c>
      <c r="D330" s="5"/>
    </row>
    <row r="331" spans="2:4" x14ac:dyDescent="0.25">
      <c r="B331" s="45"/>
      <c r="C331" s="4" t="s">
        <v>3072</v>
      </c>
      <c r="D331" s="5"/>
    </row>
    <row r="332" spans="2:4" x14ac:dyDescent="0.25">
      <c r="B332" s="45"/>
      <c r="C332" s="4" t="s">
        <v>3073</v>
      </c>
      <c r="D332" s="5"/>
    </row>
    <row r="333" spans="2:4" x14ac:dyDescent="0.25">
      <c r="B333" s="45"/>
      <c r="C333" s="4" t="s">
        <v>3074</v>
      </c>
      <c r="D333" s="5"/>
    </row>
    <row r="334" spans="2:4" x14ac:dyDescent="0.25">
      <c r="B334" s="45"/>
      <c r="C334" s="4" t="s">
        <v>3075</v>
      </c>
      <c r="D334" s="5"/>
    </row>
    <row r="335" spans="2:4" x14ac:dyDescent="0.25">
      <c r="B335" s="45"/>
      <c r="C335" s="4" t="s">
        <v>3076</v>
      </c>
      <c r="D335" s="5"/>
    </row>
    <row r="336" spans="2:4" x14ac:dyDescent="0.25">
      <c r="B336" s="45"/>
      <c r="C336" s="4" t="s">
        <v>3077</v>
      </c>
      <c r="D336" s="5"/>
    </row>
    <row r="337" spans="2:4" x14ac:dyDescent="0.25">
      <c r="B337" s="45"/>
      <c r="C337" s="4" t="s">
        <v>3078</v>
      </c>
      <c r="D337" s="5"/>
    </row>
    <row r="338" spans="2:4" x14ac:dyDescent="0.25">
      <c r="B338" s="45"/>
      <c r="C338" s="4" t="s">
        <v>3079</v>
      </c>
      <c r="D338" s="5"/>
    </row>
    <row r="339" spans="2:4" x14ac:dyDescent="0.25">
      <c r="B339" s="45"/>
      <c r="C339" s="4" t="s">
        <v>3080</v>
      </c>
      <c r="D339" s="5"/>
    </row>
    <row r="340" spans="2:4" x14ac:dyDescent="0.25">
      <c r="B340" s="45"/>
      <c r="C340" s="4" t="s">
        <v>3081</v>
      </c>
      <c r="D340" s="5"/>
    </row>
    <row r="341" spans="2:4" x14ac:dyDescent="0.25">
      <c r="B341" s="45"/>
      <c r="C341" s="4" t="s">
        <v>3082</v>
      </c>
      <c r="D341" s="5"/>
    </row>
    <row r="342" spans="2:4" x14ac:dyDescent="0.25">
      <c r="B342" s="45"/>
      <c r="C342" s="4" t="s">
        <v>3083</v>
      </c>
      <c r="D342" s="5"/>
    </row>
    <row r="343" spans="2:4" x14ac:dyDescent="0.25">
      <c r="B343" s="45"/>
      <c r="C343" s="4" t="s">
        <v>3084</v>
      </c>
      <c r="D343" s="5"/>
    </row>
    <row r="344" spans="2:4" x14ac:dyDescent="0.25">
      <c r="B344" s="45"/>
      <c r="C344" s="4" t="s">
        <v>3085</v>
      </c>
      <c r="D344" s="5"/>
    </row>
    <row r="345" spans="2:4" x14ac:dyDescent="0.25">
      <c r="B345" s="45"/>
      <c r="C345" s="4" t="s">
        <v>3086</v>
      </c>
      <c r="D345" s="42"/>
    </row>
    <row r="346" spans="2:4" x14ac:dyDescent="0.25">
      <c r="B346" s="45"/>
      <c r="C346" s="4" t="s">
        <v>3087</v>
      </c>
      <c r="D346" s="5"/>
    </row>
    <row r="347" spans="2:4" x14ac:dyDescent="0.25">
      <c r="B347" s="45"/>
      <c r="C347" s="4" t="s">
        <v>3088</v>
      </c>
      <c r="D347" s="5"/>
    </row>
    <row r="348" spans="2:4" x14ac:dyDescent="0.25">
      <c r="B348" s="45"/>
      <c r="C348" s="4" t="s">
        <v>3089</v>
      </c>
      <c r="D348" s="5"/>
    </row>
    <row r="349" spans="2:4" x14ac:dyDescent="0.25">
      <c r="B349" s="45"/>
      <c r="C349" s="4" t="s">
        <v>3090</v>
      </c>
      <c r="D349" s="5"/>
    </row>
    <row r="350" spans="2:4" x14ac:dyDescent="0.25">
      <c r="B350" s="45"/>
      <c r="C350" s="4" t="s">
        <v>3091</v>
      </c>
      <c r="D350" s="5"/>
    </row>
    <row r="351" spans="2:4" x14ac:dyDescent="0.25">
      <c r="B351" s="45"/>
      <c r="C351" s="4" t="s">
        <v>3092</v>
      </c>
      <c r="D351" s="5"/>
    </row>
    <row r="352" spans="2:4" x14ac:dyDescent="0.25">
      <c r="B352" s="45"/>
      <c r="C352" s="4" t="s">
        <v>3093</v>
      </c>
      <c r="D352" s="5"/>
    </row>
    <row r="353" spans="2:4" x14ac:dyDescent="0.25">
      <c r="B353" s="45"/>
      <c r="C353" s="4" t="s">
        <v>3094</v>
      </c>
      <c r="D353" s="5"/>
    </row>
    <row r="354" spans="2:4" x14ac:dyDescent="0.25">
      <c r="B354" s="45"/>
      <c r="C354" s="4" t="s">
        <v>3095</v>
      </c>
      <c r="D354" s="5"/>
    </row>
    <row r="355" spans="2:4" x14ac:dyDescent="0.25">
      <c r="B355" s="45"/>
      <c r="C355" s="4" t="s">
        <v>3096</v>
      </c>
      <c r="D355" s="5"/>
    </row>
    <row r="356" spans="2:4" x14ac:dyDescent="0.25">
      <c r="B356" s="45"/>
      <c r="C356" s="4" t="s">
        <v>3097</v>
      </c>
      <c r="D356" s="5"/>
    </row>
    <row r="357" spans="2:4" x14ac:dyDescent="0.25">
      <c r="B357" s="45"/>
      <c r="C357" s="4" t="s">
        <v>3098</v>
      </c>
      <c r="D357" s="5"/>
    </row>
    <row r="358" spans="2:4" x14ac:dyDescent="0.25">
      <c r="B358" s="45"/>
      <c r="C358" s="4" t="s">
        <v>3099</v>
      </c>
      <c r="D358" s="5"/>
    </row>
    <row r="359" spans="2:4" x14ac:dyDescent="0.25">
      <c r="B359" s="45"/>
      <c r="C359" s="4" t="s">
        <v>3100</v>
      </c>
      <c r="D359" s="5"/>
    </row>
    <row r="360" spans="2:4" x14ac:dyDescent="0.25">
      <c r="B360" s="45"/>
      <c r="C360" s="4" t="s">
        <v>3101</v>
      </c>
      <c r="D360" s="5"/>
    </row>
    <row r="361" spans="2:4" x14ac:dyDescent="0.25">
      <c r="B361" s="45"/>
      <c r="C361" s="4" t="s">
        <v>3102</v>
      </c>
      <c r="D361" s="5"/>
    </row>
    <row r="362" spans="2:4" x14ac:dyDescent="0.25">
      <c r="B362" s="45"/>
      <c r="C362" s="4" t="s">
        <v>3103</v>
      </c>
      <c r="D362" s="5"/>
    </row>
    <row r="363" spans="2:4" x14ac:dyDescent="0.25">
      <c r="B363" s="45"/>
      <c r="C363" s="4" t="s">
        <v>3104</v>
      </c>
      <c r="D363" s="5"/>
    </row>
    <row r="364" spans="2:4" x14ac:dyDescent="0.25">
      <c r="B364" s="45"/>
      <c r="C364" s="4" t="s">
        <v>3105</v>
      </c>
      <c r="D364" s="5"/>
    </row>
    <row r="365" spans="2:4" x14ac:dyDescent="0.25">
      <c r="B365" s="45"/>
      <c r="C365" s="4" t="s">
        <v>3106</v>
      </c>
      <c r="D365" s="5"/>
    </row>
    <row r="366" spans="2:4" x14ac:dyDescent="0.25">
      <c r="B366" s="45"/>
      <c r="C366" s="4" t="s">
        <v>3107</v>
      </c>
      <c r="D366" s="5"/>
    </row>
    <row r="367" spans="2:4" x14ac:dyDescent="0.25">
      <c r="B367" s="45"/>
      <c r="C367" s="4" t="s">
        <v>3108</v>
      </c>
      <c r="D367" s="5"/>
    </row>
    <row r="368" spans="2:4" x14ac:dyDescent="0.25">
      <c r="B368" s="45"/>
      <c r="C368" s="4" t="s">
        <v>3109</v>
      </c>
      <c r="D368" s="5"/>
    </row>
    <row r="369" spans="2:4" x14ac:dyDescent="0.25">
      <c r="B369" s="45"/>
      <c r="C369" s="4" t="s">
        <v>3110</v>
      </c>
      <c r="D369" s="5"/>
    </row>
    <row r="370" spans="2:4" x14ac:dyDescent="0.25">
      <c r="B370" s="45"/>
      <c r="C370" s="4" t="s">
        <v>3111</v>
      </c>
      <c r="D370" s="5"/>
    </row>
    <row r="371" spans="2:4" x14ac:dyDescent="0.25">
      <c r="B371" s="45"/>
      <c r="C371" s="4" t="s">
        <v>3112</v>
      </c>
      <c r="D371" s="5"/>
    </row>
    <row r="372" spans="2:4" x14ac:dyDescent="0.25">
      <c r="B372" s="45"/>
      <c r="C372" s="4" t="s">
        <v>3113</v>
      </c>
      <c r="D372" s="5"/>
    </row>
    <row r="373" spans="2:4" x14ac:dyDescent="0.25">
      <c r="B373" s="45"/>
      <c r="C373" s="4" t="s">
        <v>3114</v>
      </c>
      <c r="D373" s="5"/>
    </row>
    <row r="374" spans="2:4" x14ac:dyDescent="0.25">
      <c r="B374" s="45"/>
      <c r="C374" s="4" t="s">
        <v>3115</v>
      </c>
      <c r="D374" s="5"/>
    </row>
    <row r="375" spans="2:4" x14ac:dyDescent="0.25">
      <c r="B375" s="45"/>
      <c r="C375" s="4" t="s">
        <v>3116</v>
      </c>
      <c r="D375" s="5"/>
    </row>
    <row r="376" spans="2:4" x14ac:dyDescent="0.25">
      <c r="B376" s="45"/>
      <c r="C376" s="4" t="s">
        <v>3117</v>
      </c>
      <c r="D376" s="5"/>
    </row>
    <row r="377" spans="2:4" x14ac:dyDescent="0.25">
      <c r="B377" s="45"/>
      <c r="C377" s="4" t="s">
        <v>3118</v>
      </c>
      <c r="D377" s="5"/>
    </row>
    <row r="378" spans="2:4" x14ac:dyDescent="0.25">
      <c r="B378" s="45"/>
      <c r="C378" s="4" t="s">
        <v>3119</v>
      </c>
      <c r="D378" s="5"/>
    </row>
    <row r="379" spans="2:4" x14ac:dyDescent="0.25">
      <c r="B379" s="45"/>
      <c r="C379" s="4" t="s">
        <v>3120</v>
      </c>
      <c r="D379" s="5"/>
    </row>
    <row r="380" spans="2:4" x14ac:dyDescent="0.25">
      <c r="B380" s="45"/>
      <c r="C380" s="4" t="s">
        <v>3121</v>
      </c>
      <c r="D380" s="5"/>
    </row>
    <row r="381" spans="2:4" x14ac:dyDescent="0.25">
      <c r="B381" s="45"/>
      <c r="C381" s="4" t="s">
        <v>3122</v>
      </c>
      <c r="D381" s="5"/>
    </row>
    <row r="382" spans="2:4" x14ac:dyDescent="0.25">
      <c r="B382" s="45"/>
      <c r="C382" s="4" t="s">
        <v>3123</v>
      </c>
      <c r="D382" s="5"/>
    </row>
    <row r="383" spans="2:4" x14ac:dyDescent="0.25">
      <c r="B383" s="45"/>
      <c r="C383" s="4" t="s">
        <v>3124</v>
      </c>
      <c r="D383" s="5"/>
    </row>
    <row r="384" spans="2:4" x14ac:dyDescent="0.25">
      <c r="B384" s="45"/>
      <c r="C384" s="4" t="s">
        <v>3125</v>
      </c>
      <c r="D384" s="5"/>
    </row>
    <row r="385" spans="2:4" x14ac:dyDescent="0.25">
      <c r="B385" s="45"/>
      <c r="C385" s="4" t="s">
        <v>3126</v>
      </c>
      <c r="D385" s="5"/>
    </row>
    <row r="386" spans="2:4" x14ac:dyDescent="0.25">
      <c r="B386" s="45"/>
      <c r="C386" s="4" t="s">
        <v>3127</v>
      </c>
      <c r="D386" s="5"/>
    </row>
    <row r="387" spans="2:4" x14ac:dyDescent="0.25">
      <c r="B387" s="45"/>
      <c r="C387" s="4" t="s">
        <v>3128</v>
      </c>
      <c r="D387" s="5"/>
    </row>
    <row r="388" spans="2:4" x14ac:dyDescent="0.25">
      <c r="B388" s="45"/>
      <c r="C388" s="4" t="s">
        <v>3129</v>
      </c>
      <c r="D388" s="5"/>
    </row>
    <row r="389" spans="2:4" x14ac:dyDescent="0.25">
      <c r="B389" s="45"/>
      <c r="C389" s="4" t="s">
        <v>3130</v>
      </c>
      <c r="D389" s="5"/>
    </row>
    <row r="390" spans="2:4" x14ac:dyDescent="0.25">
      <c r="B390" s="45"/>
      <c r="C390" s="4" t="s">
        <v>3131</v>
      </c>
      <c r="D390" s="5"/>
    </row>
    <row r="391" spans="2:4" x14ac:dyDescent="0.25">
      <c r="B391" s="45"/>
      <c r="C391" s="4" t="s">
        <v>3132</v>
      </c>
      <c r="D391" s="5"/>
    </row>
    <row r="392" spans="2:4" x14ac:dyDescent="0.25">
      <c r="B392" s="45"/>
      <c r="C392" s="4" t="s">
        <v>3133</v>
      </c>
      <c r="D392" s="5"/>
    </row>
    <row r="393" spans="2:4" x14ac:dyDescent="0.25">
      <c r="B393" s="45"/>
      <c r="C393" s="4" t="s">
        <v>3134</v>
      </c>
      <c r="D393" s="5"/>
    </row>
    <row r="394" spans="2:4" x14ac:dyDescent="0.25">
      <c r="B394" s="45"/>
      <c r="C394" s="4" t="s">
        <v>3135</v>
      </c>
      <c r="D394" s="5"/>
    </row>
    <row r="395" spans="2:4" x14ac:dyDescent="0.25">
      <c r="B395" s="45"/>
      <c r="C395" s="4" t="s">
        <v>3136</v>
      </c>
      <c r="D395" s="5"/>
    </row>
    <row r="396" spans="2:4" x14ac:dyDescent="0.25">
      <c r="B396" s="45"/>
      <c r="C396" s="4" t="s">
        <v>3137</v>
      </c>
      <c r="D396" s="5"/>
    </row>
    <row r="397" spans="2:4" x14ac:dyDescent="0.25">
      <c r="B397" s="45"/>
      <c r="C397" s="4" t="s">
        <v>3138</v>
      </c>
      <c r="D397" s="5"/>
    </row>
    <row r="398" spans="2:4" x14ac:dyDescent="0.25">
      <c r="B398" s="45"/>
      <c r="C398" s="4" t="s">
        <v>3139</v>
      </c>
      <c r="D398" s="5"/>
    </row>
    <row r="399" spans="2:4" x14ac:dyDescent="0.25">
      <c r="B399" s="45"/>
      <c r="C399" s="4" t="s">
        <v>3140</v>
      </c>
      <c r="D399" s="5"/>
    </row>
    <row r="400" spans="2:4" x14ac:dyDescent="0.25">
      <c r="B400" s="45"/>
      <c r="C400" s="4" t="s">
        <v>3141</v>
      </c>
      <c r="D400" s="5"/>
    </row>
    <row r="401" spans="2:4" x14ac:dyDescent="0.25">
      <c r="B401" s="45"/>
      <c r="C401" s="4" t="s">
        <v>3142</v>
      </c>
      <c r="D401" s="5"/>
    </row>
    <row r="402" spans="2:4" x14ac:dyDescent="0.25">
      <c r="B402" s="45"/>
      <c r="C402" s="4" t="s">
        <v>3143</v>
      </c>
      <c r="D402" s="5"/>
    </row>
    <row r="403" spans="2:4" x14ac:dyDescent="0.25">
      <c r="B403" s="45"/>
      <c r="C403" s="4" t="s">
        <v>3144</v>
      </c>
      <c r="D403" s="5"/>
    </row>
    <row r="404" spans="2:4" x14ac:dyDescent="0.25">
      <c r="B404" s="45"/>
      <c r="C404" s="4" t="s">
        <v>3145</v>
      </c>
      <c r="D404" s="5"/>
    </row>
    <row r="405" spans="2:4" x14ac:dyDescent="0.25">
      <c r="B405" s="45"/>
      <c r="C405" s="4" t="s">
        <v>3146</v>
      </c>
      <c r="D405" s="5"/>
    </row>
    <row r="406" spans="2:4" x14ac:dyDescent="0.25">
      <c r="B406" s="45"/>
      <c r="C406" s="4" t="s">
        <v>3147</v>
      </c>
      <c r="D406" s="5"/>
    </row>
    <row r="407" spans="2:4" x14ac:dyDescent="0.25">
      <c r="B407" s="45"/>
      <c r="C407" s="4" t="s">
        <v>3148</v>
      </c>
      <c r="D407" s="5"/>
    </row>
    <row r="408" spans="2:4" x14ac:dyDescent="0.25">
      <c r="B408" s="45"/>
      <c r="C408" s="4" t="s">
        <v>3149</v>
      </c>
      <c r="D408" s="5"/>
    </row>
    <row r="409" spans="2:4" x14ac:dyDescent="0.25">
      <c r="B409" s="45"/>
      <c r="C409" s="4" t="s">
        <v>3150</v>
      </c>
      <c r="D409" s="5"/>
    </row>
    <row r="410" spans="2:4" x14ac:dyDescent="0.25">
      <c r="B410" s="45"/>
      <c r="C410" s="4" t="s">
        <v>3151</v>
      </c>
      <c r="D410" s="5"/>
    </row>
    <row r="411" spans="2:4" x14ac:dyDescent="0.25">
      <c r="B411" s="45"/>
      <c r="C411" s="4" t="s">
        <v>3152</v>
      </c>
      <c r="D411" s="5"/>
    </row>
    <row r="412" spans="2:4" x14ac:dyDescent="0.25">
      <c r="B412" s="45"/>
      <c r="C412" s="4" t="s">
        <v>3153</v>
      </c>
      <c r="D412" s="5"/>
    </row>
    <row r="413" spans="2:4" x14ac:dyDescent="0.25">
      <c r="B413" s="45"/>
      <c r="C413" s="4" t="s">
        <v>1809</v>
      </c>
      <c r="D413" s="5"/>
    </row>
    <row r="414" spans="2:4" x14ac:dyDescent="0.25">
      <c r="B414" s="45"/>
      <c r="C414" s="4" t="s">
        <v>3154</v>
      </c>
      <c r="D414" s="5"/>
    </row>
    <row r="415" spans="2:4" x14ac:dyDescent="0.25">
      <c r="B415" s="45"/>
      <c r="C415" s="4" t="s">
        <v>3155</v>
      </c>
      <c r="D415" s="5"/>
    </row>
    <row r="416" spans="2:4" x14ac:dyDescent="0.25">
      <c r="B416" s="45"/>
      <c r="C416" s="4" t="s">
        <v>3156</v>
      </c>
      <c r="D416" s="5"/>
    </row>
    <row r="417" spans="2:4" x14ac:dyDescent="0.25">
      <c r="B417" s="45"/>
      <c r="C417" s="4" t="s">
        <v>3157</v>
      </c>
      <c r="D417" s="5"/>
    </row>
    <row r="418" spans="2:4" x14ac:dyDescent="0.25">
      <c r="B418" s="45"/>
      <c r="C418" s="4" t="s">
        <v>3158</v>
      </c>
      <c r="D418" s="5"/>
    </row>
    <row r="419" spans="2:4" x14ac:dyDescent="0.25">
      <c r="B419" s="45"/>
      <c r="C419" s="4" t="s">
        <v>3159</v>
      </c>
      <c r="D419" s="5"/>
    </row>
    <row r="420" spans="2:4" x14ac:dyDescent="0.25">
      <c r="B420" s="45"/>
      <c r="C420" s="4" t="s">
        <v>3160</v>
      </c>
      <c r="D420" s="5"/>
    </row>
    <row r="421" spans="2:4" x14ac:dyDescent="0.25">
      <c r="B421" s="45"/>
      <c r="C421" s="4" t="s">
        <v>3161</v>
      </c>
      <c r="D421" s="5"/>
    </row>
    <row r="422" spans="2:4" x14ac:dyDescent="0.25">
      <c r="B422" s="45"/>
      <c r="C422" s="4" t="s">
        <v>3162</v>
      </c>
      <c r="D422" s="5"/>
    </row>
    <row r="423" spans="2:4" x14ac:dyDescent="0.25">
      <c r="B423" s="45"/>
      <c r="C423" s="4" t="s">
        <v>3163</v>
      </c>
      <c r="D423" s="5"/>
    </row>
    <row r="424" spans="2:4" x14ac:dyDescent="0.25">
      <c r="B424" s="45"/>
      <c r="C424" s="4" t="s">
        <v>3164</v>
      </c>
      <c r="D424" s="5"/>
    </row>
    <row r="425" spans="2:4" x14ac:dyDescent="0.25">
      <c r="B425" s="45"/>
      <c r="C425" s="4" t="s">
        <v>3165</v>
      </c>
      <c r="D425" s="5"/>
    </row>
    <row r="426" spans="2:4" x14ac:dyDescent="0.25">
      <c r="B426" s="45"/>
      <c r="C426" s="4" t="s">
        <v>3166</v>
      </c>
      <c r="D426" s="5"/>
    </row>
    <row r="427" spans="2:4" x14ac:dyDescent="0.25">
      <c r="B427" s="45"/>
      <c r="C427" s="4" t="s">
        <v>3167</v>
      </c>
      <c r="D427" s="5"/>
    </row>
    <row r="428" spans="2:4" x14ac:dyDescent="0.25">
      <c r="B428" s="45"/>
      <c r="C428" s="4" t="s">
        <v>3168</v>
      </c>
      <c r="D428" s="5"/>
    </row>
    <row r="429" spans="2:4" x14ac:dyDescent="0.25">
      <c r="B429" s="45"/>
      <c r="C429" s="4" t="s">
        <v>3169</v>
      </c>
      <c r="D429" s="5"/>
    </row>
    <row r="430" spans="2:4" x14ac:dyDescent="0.25">
      <c r="B430" s="45"/>
      <c r="C430" s="4" t="s">
        <v>3170</v>
      </c>
      <c r="D430" s="5"/>
    </row>
    <row r="431" spans="2:4" x14ac:dyDescent="0.25">
      <c r="B431" s="45"/>
      <c r="C431" s="4" t="s">
        <v>3171</v>
      </c>
      <c r="D431" s="5"/>
    </row>
    <row r="432" spans="2:4" x14ac:dyDescent="0.25">
      <c r="B432" s="45"/>
      <c r="C432" s="4" t="s">
        <v>3172</v>
      </c>
      <c r="D432" s="5"/>
    </row>
    <row r="433" spans="2:4" x14ac:dyDescent="0.25">
      <c r="B433" s="45"/>
      <c r="C433" s="4" t="s">
        <v>3173</v>
      </c>
      <c r="D433" s="5"/>
    </row>
    <row r="434" spans="2:4" x14ac:dyDescent="0.25">
      <c r="B434" s="45"/>
      <c r="C434" s="4" t="s">
        <v>3174</v>
      </c>
      <c r="D434" s="5"/>
    </row>
    <row r="435" spans="2:4" x14ac:dyDescent="0.25">
      <c r="B435" s="45"/>
      <c r="C435" s="4" t="s">
        <v>3175</v>
      </c>
      <c r="D435" s="5"/>
    </row>
    <row r="436" spans="2:4" x14ac:dyDescent="0.25">
      <c r="B436" s="45"/>
      <c r="C436" s="4" t="s">
        <v>3176</v>
      </c>
      <c r="D436" s="5"/>
    </row>
    <row r="437" spans="2:4" x14ac:dyDescent="0.25">
      <c r="B437" s="45"/>
      <c r="C437" s="4" t="s">
        <v>3177</v>
      </c>
      <c r="D437" s="5"/>
    </row>
    <row r="438" spans="2:4" x14ac:dyDescent="0.25">
      <c r="B438" s="45"/>
      <c r="C438" s="4" t="s">
        <v>2766</v>
      </c>
      <c r="D438" s="5"/>
    </row>
    <row r="439" spans="2:4" x14ac:dyDescent="0.25">
      <c r="B439" s="45"/>
      <c r="C439" s="4" t="s">
        <v>3178</v>
      </c>
      <c r="D439" s="5"/>
    </row>
    <row r="440" spans="2:4" x14ac:dyDescent="0.25">
      <c r="B440" s="45"/>
      <c r="C440" s="4" t="s">
        <v>3179</v>
      </c>
      <c r="D440" s="5"/>
    </row>
    <row r="441" spans="2:4" x14ac:dyDescent="0.25">
      <c r="B441" s="45"/>
      <c r="C441" s="4" t="s">
        <v>3180</v>
      </c>
      <c r="D441" s="5"/>
    </row>
    <row r="442" spans="2:4" x14ac:dyDescent="0.25">
      <c r="B442" s="45"/>
      <c r="C442" s="4" t="s">
        <v>3181</v>
      </c>
      <c r="D442" s="42"/>
    </row>
    <row r="443" spans="2:4" x14ac:dyDescent="0.25">
      <c r="B443" s="45"/>
      <c r="C443" s="4" t="s">
        <v>3182</v>
      </c>
      <c r="D443" s="5"/>
    </row>
    <row r="444" spans="2:4" x14ac:dyDescent="0.25">
      <c r="B444" s="45"/>
      <c r="C444" s="4" t="s">
        <v>3183</v>
      </c>
      <c r="D444" s="5"/>
    </row>
    <row r="445" spans="2:4" x14ac:dyDescent="0.25">
      <c r="B445" s="45"/>
      <c r="C445" s="4" t="s">
        <v>3184</v>
      </c>
      <c r="D445" s="5"/>
    </row>
    <row r="446" spans="2:4" ht="15.75" thickBot="1" x14ac:dyDescent="0.3">
      <c r="B446" s="39"/>
      <c r="C446" s="22" t="s">
        <v>3185</v>
      </c>
      <c r="D446" s="23"/>
    </row>
    <row r="447" spans="2:4" ht="15.75" thickBot="1" x14ac:dyDescent="0.3"/>
    <row r="448" spans="2:4" ht="15.75" thickBot="1" x14ac:dyDescent="0.3">
      <c r="B448" s="452" t="s">
        <v>3186</v>
      </c>
      <c r="C448" s="453"/>
      <c r="D448" s="454"/>
    </row>
    <row r="449" spans="2:4" x14ac:dyDescent="0.25">
      <c r="B449" s="439" t="s">
        <v>3187</v>
      </c>
      <c r="C449" s="440"/>
      <c r="D449" s="441"/>
    </row>
    <row r="450" spans="2:4" ht="15.75" thickBot="1" x14ac:dyDescent="0.3">
      <c r="B450" s="442"/>
      <c r="C450" s="443"/>
      <c r="D450" s="444"/>
    </row>
    <row r="451" spans="2:4" x14ac:dyDescent="0.25">
      <c r="B451" s="150"/>
      <c r="C451" s="445" t="s">
        <v>3188</v>
      </c>
      <c r="D451" s="446"/>
    </row>
    <row r="452" spans="2:4" x14ac:dyDescent="0.25">
      <c r="B452" s="149"/>
      <c r="C452" s="162" t="s">
        <v>3189</v>
      </c>
      <c r="D452" s="158"/>
    </row>
    <row r="453" spans="2:4" x14ac:dyDescent="0.25">
      <c r="B453" s="149"/>
      <c r="C453" s="162" t="s">
        <v>3190</v>
      </c>
      <c r="D453" s="158"/>
    </row>
    <row r="454" spans="2:4" x14ac:dyDescent="0.25">
      <c r="B454" s="149"/>
      <c r="C454" s="162" t="s">
        <v>3191</v>
      </c>
      <c r="D454" s="158"/>
    </row>
    <row r="455" spans="2:4" x14ac:dyDescent="0.25">
      <c r="B455" s="149"/>
      <c r="C455" s="162" t="s">
        <v>3192</v>
      </c>
      <c r="D455" s="158"/>
    </row>
    <row r="456" spans="2:4" x14ac:dyDescent="0.25">
      <c r="B456" s="149"/>
      <c r="C456" s="447" t="s">
        <v>3193</v>
      </c>
      <c r="D456" s="448"/>
    </row>
    <row r="457" spans="2:4" x14ac:dyDescent="0.25">
      <c r="B457" s="149"/>
      <c r="C457" s="449" t="s">
        <v>3194</v>
      </c>
      <c r="D457" s="448"/>
    </row>
    <row r="458" spans="2:4" x14ac:dyDescent="0.25">
      <c r="B458" s="149"/>
      <c r="C458" s="449" t="s">
        <v>3195</v>
      </c>
      <c r="D458" s="448"/>
    </row>
    <row r="459" spans="2:4" x14ac:dyDescent="0.25">
      <c r="B459" s="149"/>
      <c r="C459" s="151" t="s">
        <v>3196</v>
      </c>
      <c r="D459" s="152"/>
    </row>
    <row r="460" spans="2:4" ht="15.75" thickBot="1" x14ac:dyDescent="0.3">
      <c r="B460" s="153"/>
      <c r="C460" s="450" t="s">
        <v>3197</v>
      </c>
      <c r="D460" s="451"/>
    </row>
    <row r="461" spans="2:4" ht="15.75" thickBot="1" x14ac:dyDescent="0.3"/>
    <row r="462" spans="2:4" ht="15.75" thickBot="1" x14ac:dyDescent="0.3">
      <c r="B462" s="452" t="s">
        <v>3198</v>
      </c>
      <c r="C462" s="453"/>
      <c r="D462" s="454"/>
    </row>
    <row r="463" spans="2:4" ht="14.45" customHeight="1" x14ac:dyDescent="0.25">
      <c r="B463" s="439" t="s">
        <v>3199</v>
      </c>
      <c r="C463" s="440"/>
      <c r="D463" s="441"/>
    </row>
    <row r="464" spans="2:4" ht="20.45" customHeight="1" thickBot="1" x14ac:dyDescent="0.3">
      <c r="B464" s="442"/>
      <c r="C464" s="455"/>
      <c r="D464" s="456"/>
    </row>
    <row r="465" spans="2:4" ht="28.15" customHeight="1" x14ac:dyDescent="0.25">
      <c r="B465" s="150"/>
      <c r="C465" s="457" t="s">
        <v>3200</v>
      </c>
      <c r="D465" s="446"/>
    </row>
    <row r="466" spans="2:4" x14ac:dyDescent="0.25">
      <c r="B466" s="149"/>
      <c r="C466" s="162" t="s">
        <v>3201</v>
      </c>
      <c r="D466" s="158"/>
    </row>
    <row r="467" spans="2:4" x14ac:dyDescent="0.25">
      <c r="B467" s="149"/>
      <c r="C467" s="162" t="s">
        <v>3202</v>
      </c>
      <c r="D467" s="158"/>
    </row>
    <row r="468" spans="2:4" x14ac:dyDescent="0.25">
      <c r="B468" s="149"/>
      <c r="C468" s="162" t="s">
        <v>3203</v>
      </c>
      <c r="D468" s="158"/>
    </row>
    <row r="469" spans="2:4" x14ac:dyDescent="0.25">
      <c r="B469" s="149"/>
      <c r="C469" s="162" t="s">
        <v>3204</v>
      </c>
      <c r="D469" s="158"/>
    </row>
    <row r="470" spans="2:4" x14ac:dyDescent="0.25">
      <c r="B470" s="149"/>
      <c r="C470" s="449" t="s">
        <v>3205</v>
      </c>
      <c r="D470" s="448"/>
    </row>
    <row r="471" spans="2:4" x14ac:dyDescent="0.25">
      <c r="B471" s="149"/>
      <c r="C471" s="447" t="s">
        <v>3206</v>
      </c>
      <c r="D471" s="448"/>
    </row>
    <row r="472" spans="2:4" x14ac:dyDescent="0.25">
      <c r="B472" s="149"/>
      <c r="C472" s="449" t="s">
        <v>3207</v>
      </c>
      <c r="D472" s="448"/>
    </row>
    <row r="473" spans="2:4" ht="15.75" thickBot="1" x14ac:dyDescent="0.3">
      <c r="B473" s="153"/>
      <c r="C473" s="450" t="s">
        <v>3208</v>
      </c>
      <c r="D473" s="451"/>
    </row>
    <row r="474" spans="2:4" ht="15.75" thickBot="1" x14ac:dyDescent="0.3"/>
    <row r="475" spans="2:4" ht="15.75" thickBot="1" x14ac:dyDescent="0.3">
      <c r="B475" s="452" t="s">
        <v>3209</v>
      </c>
      <c r="C475" s="453"/>
      <c r="D475" s="454"/>
    </row>
    <row r="476" spans="2:4" x14ac:dyDescent="0.25">
      <c r="B476" s="439" t="s">
        <v>3210</v>
      </c>
      <c r="C476" s="440"/>
      <c r="D476" s="441"/>
    </row>
    <row r="477" spans="2:4" ht="15.75" thickBot="1" x14ac:dyDescent="0.3">
      <c r="B477" s="442"/>
      <c r="C477" s="455"/>
      <c r="D477" s="456"/>
    </row>
    <row r="478" spans="2:4" x14ac:dyDescent="0.25">
      <c r="B478" s="150"/>
      <c r="C478" s="457" t="s">
        <v>3211</v>
      </c>
      <c r="D478" s="446"/>
    </row>
    <row r="479" spans="2:4" x14ac:dyDescent="0.25">
      <c r="B479" s="149"/>
      <c r="C479" s="162" t="s">
        <v>3212</v>
      </c>
      <c r="D479" s="158"/>
    </row>
    <row r="480" spans="2:4" x14ac:dyDescent="0.25">
      <c r="B480" s="149"/>
      <c r="C480" s="162" t="s">
        <v>3213</v>
      </c>
      <c r="D480" s="158"/>
    </row>
    <row r="481" spans="2:4" x14ac:dyDescent="0.25">
      <c r="B481" s="149"/>
      <c r="C481" s="162" t="s">
        <v>3214</v>
      </c>
      <c r="D481" s="158"/>
    </row>
    <row r="482" spans="2:4" x14ac:dyDescent="0.25">
      <c r="B482" s="149"/>
      <c r="C482" s="162" t="s">
        <v>3215</v>
      </c>
      <c r="D482" s="158"/>
    </row>
    <row r="483" spans="2:4" x14ac:dyDescent="0.25">
      <c r="B483" s="149"/>
      <c r="C483" s="449" t="s">
        <v>3216</v>
      </c>
      <c r="D483" s="448"/>
    </row>
    <row r="484" spans="2:4" ht="15.75" thickBot="1" x14ac:dyDescent="0.3">
      <c r="B484" s="153"/>
      <c r="C484" s="450" t="s">
        <v>3217</v>
      </c>
      <c r="D484" s="451"/>
    </row>
    <row r="485" spans="2:4" ht="15.75" thickBot="1" x14ac:dyDescent="0.3"/>
    <row r="486" spans="2:4" ht="15.75" thickBot="1" x14ac:dyDescent="0.3">
      <c r="B486" s="452" t="s">
        <v>3218</v>
      </c>
      <c r="C486" s="453"/>
      <c r="D486" s="454"/>
    </row>
    <row r="487" spans="2:4" x14ac:dyDescent="0.25">
      <c r="B487" s="439" t="s">
        <v>3219</v>
      </c>
      <c r="C487" s="440"/>
      <c r="D487" s="441"/>
    </row>
    <row r="488" spans="2:4" ht="15.75" thickBot="1" x14ac:dyDescent="0.3">
      <c r="B488" s="442"/>
      <c r="C488" s="455"/>
      <c r="D488" s="456"/>
    </row>
    <row r="489" spans="2:4" x14ac:dyDescent="0.25">
      <c r="B489" s="150"/>
      <c r="C489" s="457" t="s">
        <v>3220</v>
      </c>
      <c r="D489" s="446"/>
    </row>
    <row r="490" spans="2:4" x14ac:dyDescent="0.25">
      <c r="B490" s="149"/>
      <c r="C490" s="162" t="s">
        <v>3221</v>
      </c>
      <c r="D490" s="158"/>
    </row>
    <row r="491" spans="2:4" ht="30" x14ac:dyDescent="0.25">
      <c r="B491" s="149"/>
      <c r="C491" s="163" t="s">
        <v>3222</v>
      </c>
      <c r="D491" s="158"/>
    </row>
    <row r="492" spans="2:4" x14ac:dyDescent="0.25">
      <c r="B492" s="149"/>
      <c r="C492" s="162" t="s">
        <v>2179</v>
      </c>
      <c r="D492" s="158"/>
    </row>
    <row r="493" spans="2:4" x14ac:dyDescent="0.25">
      <c r="B493" s="149"/>
      <c r="C493" s="162" t="s">
        <v>3223</v>
      </c>
      <c r="D493" s="158"/>
    </row>
    <row r="494" spans="2:4" ht="15.75" thickBot="1" x14ac:dyDescent="0.3">
      <c r="B494" s="153"/>
      <c r="C494" s="450" t="s">
        <v>3224</v>
      </c>
      <c r="D494" s="451"/>
    </row>
    <row r="495" spans="2:4" ht="15.75" thickBot="1" x14ac:dyDescent="0.3"/>
    <row r="496" spans="2:4" ht="15.75" thickBot="1" x14ac:dyDescent="0.3">
      <c r="B496" s="452" t="s">
        <v>3225</v>
      </c>
      <c r="C496" s="453"/>
      <c r="D496" s="454"/>
    </row>
    <row r="497" spans="2:4" x14ac:dyDescent="0.25">
      <c r="B497" s="439" t="s">
        <v>3226</v>
      </c>
      <c r="C497" s="440"/>
      <c r="D497" s="441"/>
    </row>
    <row r="498" spans="2:4" ht="15.75" thickBot="1" x14ac:dyDescent="0.3">
      <c r="B498" s="442"/>
      <c r="C498" s="443"/>
      <c r="D498" s="444"/>
    </row>
    <row r="499" spans="2:4" x14ac:dyDescent="0.25">
      <c r="B499" s="150"/>
      <c r="C499" s="445" t="s">
        <v>3227</v>
      </c>
      <c r="D499" s="446"/>
    </row>
    <row r="500" spans="2:4" x14ac:dyDescent="0.25">
      <c r="B500" s="149"/>
      <c r="C500" s="162" t="s">
        <v>3228</v>
      </c>
      <c r="D500" s="158"/>
    </row>
    <row r="501" spans="2:4" x14ac:dyDescent="0.25">
      <c r="B501" s="149"/>
      <c r="C501" s="162" t="s">
        <v>3229</v>
      </c>
      <c r="D501" s="158"/>
    </row>
    <row r="502" spans="2:4" x14ac:dyDescent="0.25">
      <c r="B502" s="149"/>
      <c r="C502" s="162" t="s">
        <v>3230</v>
      </c>
      <c r="D502" s="158"/>
    </row>
    <row r="503" spans="2:4" x14ac:dyDescent="0.25">
      <c r="B503" s="149"/>
      <c r="C503" s="162" t="s">
        <v>3231</v>
      </c>
      <c r="D503" s="158"/>
    </row>
    <row r="504" spans="2:4" x14ac:dyDescent="0.25">
      <c r="B504" s="149"/>
      <c r="C504" s="447" t="s">
        <v>3232</v>
      </c>
      <c r="D504" s="448"/>
    </row>
    <row r="505" spans="2:4" x14ac:dyDescent="0.25">
      <c r="B505" s="149"/>
      <c r="C505" s="449" t="s">
        <v>1097</v>
      </c>
      <c r="D505" s="448"/>
    </row>
    <row r="506" spans="2:4" x14ac:dyDescent="0.25">
      <c r="B506" s="149"/>
      <c r="C506" s="156" t="s">
        <v>3233</v>
      </c>
      <c r="D506" s="157"/>
    </row>
    <row r="507" spans="2:4" x14ac:dyDescent="0.25">
      <c r="B507" s="149"/>
      <c r="C507" s="156" t="s">
        <v>3234</v>
      </c>
      <c r="D507" s="157"/>
    </row>
    <row r="508" spans="2:4" x14ac:dyDescent="0.25">
      <c r="B508" s="149"/>
      <c r="C508" s="156" t="s">
        <v>3235</v>
      </c>
      <c r="D508" s="157"/>
    </row>
    <row r="509" spans="2:4" x14ac:dyDescent="0.25">
      <c r="B509" s="149"/>
      <c r="C509" s="449" t="s">
        <v>3236</v>
      </c>
      <c r="D509" s="448"/>
    </row>
    <row r="510" spans="2:4" ht="15.75" thickBot="1" x14ac:dyDescent="0.3">
      <c r="B510" s="153"/>
      <c r="C510" s="450" t="s">
        <v>3237</v>
      </c>
      <c r="D510" s="451"/>
    </row>
    <row r="511" spans="2:4" ht="15.75" thickBot="1" x14ac:dyDescent="0.3"/>
    <row r="512" spans="2:4" ht="15.75" thickBot="1" x14ac:dyDescent="0.3">
      <c r="B512" s="452" t="s">
        <v>3238</v>
      </c>
      <c r="C512" s="453"/>
      <c r="D512" s="471"/>
    </row>
    <row r="513" spans="2:4" ht="14.45" customHeight="1" x14ac:dyDescent="0.25">
      <c r="B513" s="439" t="s">
        <v>3239</v>
      </c>
      <c r="C513" s="440"/>
      <c r="D513" s="441"/>
    </row>
    <row r="514" spans="2:4" ht="29.45" customHeight="1" thickBot="1" x14ac:dyDescent="0.3">
      <c r="B514" s="442"/>
      <c r="C514" s="443"/>
      <c r="D514" s="444"/>
    </row>
    <row r="515" spans="2:4" ht="15.75" thickBot="1" x14ac:dyDescent="0.3">
      <c r="B515" s="164"/>
      <c r="C515" s="476" t="s">
        <v>3240</v>
      </c>
      <c r="D515" s="477"/>
    </row>
    <row r="516" spans="2:4" ht="15.75" thickBot="1" x14ac:dyDescent="0.3"/>
    <row r="517" spans="2:4" ht="15.75" thickBot="1" x14ac:dyDescent="0.3">
      <c r="B517" s="452" t="s">
        <v>3243</v>
      </c>
      <c r="C517" s="453"/>
      <c r="D517" s="471"/>
    </row>
    <row r="518" spans="2:4" x14ac:dyDescent="0.25">
      <c r="B518" s="439" t="s">
        <v>3244</v>
      </c>
      <c r="C518" s="440"/>
      <c r="D518" s="441"/>
    </row>
    <row r="519" spans="2:4" ht="15.75" thickBot="1" x14ac:dyDescent="0.3">
      <c r="B519" s="462"/>
      <c r="C519" s="455"/>
      <c r="D519" s="456"/>
    </row>
    <row r="520" spans="2:4" x14ac:dyDescent="0.25">
      <c r="B520" s="165"/>
      <c r="C520" s="474" t="s">
        <v>3241</v>
      </c>
      <c r="D520" s="475"/>
    </row>
    <row r="521" spans="2:4" ht="15.75" thickBot="1" x14ac:dyDescent="0.3">
      <c r="B521" s="166"/>
      <c r="C521" s="472" t="s">
        <v>3242</v>
      </c>
      <c r="D521" s="473"/>
    </row>
  </sheetData>
  <sheetProtection algorithmName="SHA-512" hashValue="enq9BghWLwvDtgZMt5fMT4TVdqQxCgLhBYGPAXt9jklg+0/Kw0yV6ZQfMuABRKa2r1l8sP6GuBnlF/Rwv1/5bA==" saltValue="vm6IqVEuZFjZZnuxFTrKUg==" spinCount="100000" sheet="1" objects="1" scenarios="1"/>
  <customSheetViews>
    <customSheetView guid="{EC814CE1-0F1E-4212-A340-F06F8C30AE5D}" topLeftCell="A260">
      <selection activeCell="B268" sqref="B268:D281"/>
      <pageMargins left="0.7" right="0.7" top="0.75" bottom="0.75" header="0.3" footer="0.3"/>
      <pageSetup paperSize="9" orientation="portrait" r:id="rId1"/>
    </customSheetView>
    <customSheetView guid="{A251BD93-D9C7-4F55-9631-01CAEE64168F}" topLeftCell="A260">
      <selection activeCell="B268" sqref="B268:D281"/>
      <pageMargins left="0.7" right="0.7" top="0.75" bottom="0.75" header="0.3" footer="0.3"/>
      <pageSetup paperSize="9" orientation="portrait" r:id="rId2"/>
    </customSheetView>
  </customSheetViews>
  <mergeCells count="159">
    <mergeCell ref="B517:D517"/>
    <mergeCell ref="B518:D519"/>
    <mergeCell ref="C521:D521"/>
    <mergeCell ref="C520:D520"/>
    <mergeCell ref="B268:D268"/>
    <mergeCell ref="B269:D270"/>
    <mergeCell ref="B486:D486"/>
    <mergeCell ref="B487:D488"/>
    <mergeCell ref="C489:D489"/>
    <mergeCell ref="C494:D494"/>
    <mergeCell ref="C460:D460"/>
    <mergeCell ref="B448:D448"/>
    <mergeCell ref="B449:D450"/>
    <mergeCell ref="C451:D451"/>
    <mergeCell ref="C456:D456"/>
    <mergeCell ref="C457:D457"/>
    <mergeCell ref="C458:D458"/>
    <mergeCell ref="B475:D475"/>
    <mergeCell ref="B476:D477"/>
    <mergeCell ref="C478:D478"/>
    <mergeCell ref="C483:D483"/>
    <mergeCell ref="B512:D512"/>
    <mergeCell ref="B513:D514"/>
    <mergeCell ref="C515:D515"/>
    <mergeCell ref="B87:D87"/>
    <mergeCell ref="C94:D94"/>
    <mergeCell ref="C85:D85"/>
    <mergeCell ref="C86:D86"/>
    <mergeCell ref="B88:D89"/>
    <mergeCell ref="C90:D90"/>
    <mergeCell ref="C91:D91"/>
    <mergeCell ref="C92:D92"/>
    <mergeCell ref="C93:D93"/>
    <mergeCell ref="B240:D240"/>
    <mergeCell ref="C107:D107"/>
    <mergeCell ref="C108:D108"/>
    <mergeCell ref="C109:D109"/>
    <mergeCell ref="C110:D110"/>
    <mergeCell ref="C121:D121"/>
    <mergeCell ref="C111:D111"/>
    <mergeCell ref="C112:D112"/>
    <mergeCell ref="C238:D238"/>
    <mergeCell ref="B123:D123"/>
    <mergeCell ref="B124:D125"/>
    <mergeCell ref="C126:D126"/>
    <mergeCell ref="B55:D56"/>
    <mergeCell ref="C57:D57"/>
    <mergeCell ref="C58:D58"/>
    <mergeCell ref="C59:D59"/>
    <mergeCell ref="C60:D60"/>
    <mergeCell ref="C61:D61"/>
    <mergeCell ref="C62:D62"/>
    <mergeCell ref="C63:D63"/>
    <mergeCell ref="B65:D65"/>
    <mergeCell ref="B66:D67"/>
    <mergeCell ref="B70:D70"/>
    <mergeCell ref="B71:D72"/>
    <mergeCell ref="C73:D73"/>
    <mergeCell ref="C74:D74"/>
    <mergeCell ref="C68:D68"/>
    <mergeCell ref="C82:D82"/>
    <mergeCell ref="C83:D83"/>
    <mergeCell ref="C84:D84"/>
    <mergeCell ref="B76:D76"/>
    <mergeCell ref="B77:D78"/>
    <mergeCell ref="C79:D79"/>
    <mergeCell ref="C80:D80"/>
    <mergeCell ref="C81:D81"/>
    <mergeCell ref="B54:D54"/>
    <mergeCell ref="C26:D26"/>
    <mergeCell ref="C27:D27"/>
    <mergeCell ref="C28:D28"/>
    <mergeCell ref="C29:D29"/>
    <mergeCell ref="C30:D30"/>
    <mergeCell ref="C31:D31"/>
    <mergeCell ref="C32:D32"/>
    <mergeCell ref="C33:D33"/>
    <mergeCell ref="C34:D34"/>
    <mergeCell ref="C35:D35"/>
    <mergeCell ref="C36:D36"/>
    <mergeCell ref="C37:D37"/>
    <mergeCell ref="C40:D40"/>
    <mergeCell ref="B42:D42"/>
    <mergeCell ref="B43:D44"/>
    <mergeCell ref="C52:D52"/>
    <mergeCell ref="C50:D50"/>
    <mergeCell ref="C51:D51"/>
    <mergeCell ref="C45:D45"/>
    <mergeCell ref="C46:D46"/>
    <mergeCell ref="C47:D47"/>
    <mergeCell ref="C48:D48"/>
    <mergeCell ref="C49:D49"/>
    <mergeCell ref="B2:D2"/>
    <mergeCell ref="B4:D4"/>
    <mergeCell ref="B22:D22"/>
    <mergeCell ref="B23:D24"/>
    <mergeCell ref="C25:D25"/>
    <mergeCell ref="C19:D19"/>
    <mergeCell ref="C20:D20"/>
    <mergeCell ref="B5:D6"/>
    <mergeCell ref="C7:D7"/>
    <mergeCell ref="C8:D8"/>
    <mergeCell ref="C9:D9"/>
    <mergeCell ref="C10:D10"/>
    <mergeCell ref="C11:D11"/>
    <mergeCell ref="C12:D12"/>
    <mergeCell ref="C13:D13"/>
    <mergeCell ref="C14:D14"/>
    <mergeCell ref="C15:D15"/>
    <mergeCell ref="C16:D16"/>
    <mergeCell ref="C17:D17"/>
    <mergeCell ref="C18:D18"/>
    <mergeCell ref="B248:D248"/>
    <mergeCell ref="B249:D250"/>
    <mergeCell ref="C251:D251"/>
    <mergeCell ref="C252:D252"/>
    <mergeCell ref="C253:D253"/>
    <mergeCell ref="C254:D254"/>
    <mergeCell ref="C255:D255"/>
    <mergeCell ref="B241:D242"/>
    <mergeCell ref="C243:D243"/>
    <mergeCell ref="C244:D244"/>
    <mergeCell ref="C245:D245"/>
    <mergeCell ref="C246:D246"/>
    <mergeCell ref="C97:D97"/>
    <mergeCell ref="C98:D98"/>
    <mergeCell ref="C115:D115"/>
    <mergeCell ref="C104:D104"/>
    <mergeCell ref="C105:D105"/>
    <mergeCell ref="C106:D106"/>
    <mergeCell ref="B100:D100"/>
    <mergeCell ref="B101:D102"/>
    <mergeCell ref="C103:D103"/>
    <mergeCell ref="C113:D113"/>
    <mergeCell ref="C114:D114"/>
    <mergeCell ref="C256:D256"/>
    <mergeCell ref="B258:D258"/>
    <mergeCell ref="B259:D260"/>
    <mergeCell ref="C261:D261"/>
    <mergeCell ref="C262:D262"/>
    <mergeCell ref="C263:D263"/>
    <mergeCell ref="C264:D264"/>
    <mergeCell ref="C265:D265"/>
    <mergeCell ref="C266:D266"/>
    <mergeCell ref="B497:D498"/>
    <mergeCell ref="C499:D499"/>
    <mergeCell ref="C504:D504"/>
    <mergeCell ref="C505:D505"/>
    <mergeCell ref="C509:D509"/>
    <mergeCell ref="C510:D510"/>
    <mergeCell ref="C484:D484"/>
    <mergeCell ref="B462:D462"/>
    <mergeCell ref="B463:D464"/>
    <mergeCell ref="C465:D465"/>
    <mergeCell ref="C470:D470"/>
    <mergeCell ref="C471:D471"/>
    <mergeCell ref="C472:D472"/>
    <mergeCell ref="C473:D473"/>
    <mergeCell ref="B496:D496"/>
  </mergeCells>
  <pageMargins left="0.7" right="0.7" top="0.75" bottom="0.75" header="0.3" footer="0.3"/>
  <pageSetup paperSize="9" orientation="portrait"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B1:D1237"/>
  <sheetViews>
    <sheetView tabSelected="1" topLeftCell="A1219" zoomScaleNormal="100" workbookViewId="0">
      <selection activeCell="I1235" sqref="I1235"/>
    </sheetView>
  </sheetViews>
  <sheetFormatPr defaultRowHeight="15" x14ac:dyDescent="0.25"/>
  <cols>
    <col min="2" max="2" width="68.7109375" customWidth="1"/>
    <col min="4" max="4" width="16.42578125" customWidth="1"/>
  </cols>
  <sheetData>
    <row r="1" spans="2:4" ht="15.75" thickBot="1" x14ac:dyDescent="0.3"/>
    <row r="2" spans="2:4" ht="15.75" thickBot="1" x14ac:dyDescent="0.3">
      <c r="B2" s="452" t="s">
        <v>3245</v>
      </c>
      <c r="C2" s="453"/>
      <c r="D2" s="471"/>
    </row>
    <row r="3" spans="2:4" x14ac:dyDescent="0.25">
      <c r="B3" s="439" t="s">
        <v>3246</v>
      </c>
      <c r="C3" s="440"/>
      <c r="D3" s="441"/>
    </row>
    <row r="4" spans="2:4" ht="15.75" thickBot="1" x14ac:dyDescent="0.3">
      <c r="B4" s="462"/>
      <c r="C4" s="443"/>
      <c r="D4" s="444"/>
    </row>
    <row r="5" spans="2:4" x14ac:dyDescent="0.25">
      <c r="B5" s="154" t="s">
        <v>3247</v>
      </c>
      <c r="C5" s="167"/>
      <c r="D5" s="168"/>
    </row>
    <row r="6" spans="2:4" x14ac:dyDescent="0.25">
      <c r="B6" s="169" t="s">
        <v>3248</v>
      </c>
      <c r="C6" s="142"/>
      <c r="D6" s="170"/>
    </row>
    <row r="7" spans="2:4" x14ac:dyDescent="0.25">
      <c r="B7" s="169" t="s">
        <v>3249</v>
      </c>
      <c r="C7" s="142"/>
      <c r="D7" s="170"/>
    </row>
    <row r="8" spans="2:4" x14ac:dyDescent="0.25">
      <c r="B8" s="169" t="s">
        <v>3250</v>
      </c>
      <c r="C8" s="142"/>
      <c r="D8" s="170"/>
    </row>
    <row r="9" spans="2:4" x14ac:dyDescent="0.25">
      <c r="B9" s="169" t="s">
        <v>1261</v>
      </c>
      <c r="C9" s="142"/>
      <c r="D9" s="170"/>
    </row>
    <row r="10" spans="2:4" x14ac:dyDescent="0.25">
      <c r="B10" s="169" t="s">
        <v>3251</v>
      </c>
      <c r="C10" s="142"/>
      <c r="D10" s="170"/>
    </row>
    <row r="11" spans="2:4" x14ac:dyDescent="0.25">
      <c r="B11" s="169" t="s">
        <v>3252</v>
      </c>
      <c r="C11" s="142"/>
      <c r="D11" s="170"/>
    </row>
    <row r="12" spans="2:4" x14ac:dyDescent="0.25">
      <c r="B12" s="169" t="s">
        <v>3253</v>
      </c>
      <c r="C12" s="142"/>
      <c r="D12" s="170"/>
    </row>
    <row r="13" spans="2:4" x14ac:dyDescent="0.25">
      <c r="B13" s="169" t="s">
        <v>3254</v>
      </c>
      <c r="C13" s="142"/>
      <c r="D13" s="170"/>
    </row>
    <row r="14" spans="2:4" x14ac:dyDescent="0.25">
      <c r="B14" s="169" t="s">
        <v>3255</v>
      </c>
      <c r="C14" s="142"/>
      <c r="D14" s="170"/>
    </row>
    <row r="15" spans="2:4" x14ac:dyDescent="0.25">
      <c r="B15" s="169" t="s">
        <v>3256</v>
      </c>
      <c r="C15" s="142"/>
      <c r="D15" s="170"/>
    </row>
    <row r="16" spans="2:4" ht="15.75" thickBot="1" x14ac:dyDescent="0.3">
      <c r="B16" s="155" t="s">
        <v>3257</v>
      </c>
      <c r="C16" s="171"/>
      <c r="D16" s="172"/>
    </row>
    <row r="17" spans="2:4" ht="15.75" thickBot="1" x14ac:dyDescent="0.3"/>
    <row r="18" spans="2:4" ht="15.75" thickBot="1" x14ac:dyDescent="0.3">
      <c r="B18" s="452" t="s">
        <v>3258</v>
      </c>
      <c r="C18" s="453"/>
      <c r="D18" s="471"/>
    </row>
    <row r="19" spans="2:4" ht="15" customHeight="1" x14ac:dyDescent="0.25">
      <c r="B19" s="439" t="s">
        <v>3259</v>
      </c>
      <c r="C19" s="440"/>
      <c r="D19" s="441"/>
    </row>
    <row r="20" spans="2:4" ht="15.75" thickBot="1" x14ac:dyDescent="0.3">
      <c r="B20" s="462"/>
      <c r="C20" s="443"/>
      <c r="D20" s="444"/>
    </row>
    <row r="21" spans="2:4" x14ac:dyDescent="0.25">
      <c r="B21" s="154" t="s">
        <v>3260</v>
      </c>
      <c r="C21" s="167"/>
      <c r="D21" s="168"/>
    </row>
    <row r="22" spans="2:4" x14ac:dyDescent="0.25">
      <c r="B22" s="169" t="s">
        <v>3261</v>
      </c>
      <c r="C22" s="142"/>
      <c r="D22" s="170"/>
    </row>
    <row r="23" spans="2:4" x14ac:dyDescent="0.25">
      <c r="B23" s="169" t="s">
        <v>3262</v>
      </c>
      <c r="C23" s="142"/>
      <c r="D23" s="170"/>
    </row>
    <row r="24" spans="2:4" x14ac:dyDescent="0.25">
      <c r="B24" s="169" t="s">
        <v>2115</v>
      </c>
      <c r="C24" s="142"/>
      <c r="D24" s="170"/>
    </row>
    <row r="25" spans="2:4" x14ac:dyDescent="0.25">
      <c r="B25" s="169" t="s">
        <v>3263</v>
      </c>
      <c r="C25" s="142"/>
      <c r="D25" s="170"/>
    </row>
    <row r="26" spans="2:4" x14ac:dyDescent="0.25">
      <c r="B26" s="169" t="s">
        <v>3264</v>
      </c>
      <c r="C26" s="142"/>
      <c r="D26" s="170"/>
    </row>
    <row r="27" spans="2:4" x14ac:dyDescent="0.25">
      <c r="B27" s="169" t="s">
        <v>3265</v>
      </c>
      <c r="C27" s="142"/>
      <c r="D27" s="170"/>
    </row>
    <row r="28" spans="2:4" x14ac:dyDescent="0.25">
      <c r="B28" s="169" t="s">
        <v>3266</v>
      </c>
      <c r="C28" s="142"/>
      <c r="D28" s="170"/>
    </row>
    <row r="29" spans="2:4" x14ac:dyDescent="0.25">
      <c r="B29" s="169" t="s">
        <v>3267</v>
      </c>
      <c r="C29" s="142"/>
      <c r="D29" s="170"/>
    </row>
    <row r="30" spans="2:4" x14ac:dyDescent="0.25">
      <c r="B30" s="169" t="s">
        <v>3268</v>
      </c>
      <c r="C30" s="142"/>
      <c r="D30" s="170"/>
    </row>
    <row r="31" spans="2:4" x14ac:dyDescent="0.25">
      <c r="B31" s="169" t="s">
        <v>3269</v>
      </c>
      <c r="C31" s="142"/>
      <c r="D31" s="170"/>
    </row>
    <row r="32" spans="2:4" x14ac:dyDescent="0.25">
      <c r="B32" s="169" t="s">
        <v>3270</v>
      </c>
      <c r="C32" s="142"/>
      <c r="D32" s="170"/>
    </row>
    <row r="33" spans="2:4" x14ac:dyDescent="0.25">
      <c r="B33" s="169" t="s">
        <v>3271</v>
      </c>
      <c r="C33" s="142"/>
      <c r="D33" s="170"/>
    </row>
    <row r="34" spans="2:4" x14ac:dyDescent="0.25">
      <c r="B34" s="169" t="s">
        <v>3277</v>
      </c>
      <c r="C34" s="142"/>
      <c r="D34" s="170"/>
    </row>
    <row r="35" spans="2:4" x14ac:dyDescent="0.25">
      <c r="B35" s="169" t="s">
        <v>3272</v>
      </c>
      <c r="C35" s="142"/>
      <c r="D35" s="170"/>
    </row>
    <row r="36" spans="2:4" x14ac:dyDescent="0.25">
      <c r="B36" s="169" t="s">
        <v>3273</v>
      </c>
      <c r="C36" s="142"/>
      <c r="D36" s="170"/>
    </row>
    <row r="37" spans="2:4" x14ac:dyDescent="0.25">
      <c r="B37" s="169" t="s">
        <v>3274</v>
      </c>
      <c r="C37" s="142"/>
      <c r="D37" s="170"/>
    </row>
    <row r="38" spans="2:4" x14ac:dyDescent="0.25">
      <c r="B38" s="169" t="s">
        <v>748</v>
      </c>
      <c r="C38" s="142"/>
      <c r="D38" s="170"/>
    </row>
    <row r="39" spans="2:4" x14ac:dyDescent="0.25">
      <c r="B39" s="169" t="s">
        <v>2108</v>
      </c>
      <c r="C39" s="142"/>
      <c r="D39" s="170"/>
    </row>
    <row r="40" spans="2:4" x14ac:dyDescent="0.25">
      <c r="B40" s="169" t="s">
        <v>3275</v>
      </c>
      <c r="C40" s="142"/>
      <c r="D40" s="170"/>
    </row>
    <row r="41" spans="2:4" ht="15.75" thickBot="1" x14ac:dyDescent="0.3">
      <c r="B41" s="155" t="s">
        <v>3276</v>
      </c>
      <c r="C41" s="171"/>
      <c r="D41" s="172"/>
    </row>
    <row r="42" spans="2:4" ht="15.75" thickBot="1" x14ac:dyDescent="0.3"/>
    <row r="43" spans="2:4" ht="15.75" thickBot="1" x14ac:dyDescent="0.3">
      <c r="B43" s="452" t="s">
        <v>3278</v>
      </c>
      <c r="C43" s="453"/>
      <c r="D43" s="471"/>
    </row>
    <row r="44" spans="2:4" x14ac:dyDescent="0.25">
      <c r="B44" s="439" t="s">
        <v>3279</v>
      </c>
      <c r="C44" s="440"/>
      <c r="D44" s="441"/>
    </row>
    <row r="45" spans="2:4" ht="15.75" thickBot="1" x14ac:dyDescent="0.3">
      <c r="B45" s="462"/>
      <c r="C45" s="443"/>
      <c r="D45" s="444"/>
    </row>
    <row r="46" spans="2:4" x14ac:dyDescent="0.25">
      <c r="B46" s="154" t="s">
        <v>3280</v>
      </c>
      <c r="C46" s="167"/>
      <c r="D46" s="168"/>
    </row>
    <row r="47" spans="2:4" x14ac:dyDescent="0.25">
      <c r="B47" s="169" t="s">
        <v>2433</v>
      </c>
      <c r="C47" s="142"/>
      <c r="D47" s="170"/>
    </row>
    <row r="48" spans="2:4" x14ac:dyDescent="0.25">
      <c r="B48" s="169" t="s">
        <v>3281</v>
      </c>
      <c r="C48" s="142"/>
      <c r="D48" s="170"/>
    </row>
    <row r="49" spans="2:4" x14ac:dyDescent="0.25">
      <c r="B49" s="169" t="s">
        <v>3282</v>
      </c>
      <c r="C49" s="142"/>
      <c r="D49" s="170"/>
    </row>
    <row r="50" spans="2:4" x14ac:dyDescent="0.25">
      <c r="B50" s="169" t="s">
        <v>3283</v>
      </c>
      <c r="C50" s="142"/>
      <c r="D50" s="170"/>
    </row>
    <row r="51" spans="2:4" ht="15.75" thickBot="1" x14ac:dyDescent="0.3"/>
    <row r="52" spans="2:4" ht="15.75" thickBot="1" x14ac:dyDescent="0.3">
      <c r="B52" s="452" t="s">
        <v>3284</v>
      </c>
      <c r="C52" s="453"/>
      <c r="D52" s="471"/>
    </row>
    <row r="53" spans="2:4" x14ac:dyDescent="0.25">
      <c r="B53" s="439" t="s">
        <v>3285</v>
      </c>
      <c r="C53" s="440"/>
      <c r="D53" s="441"/>
    </row>
    <row r="54" spans="2:4" ht="15.75" thickBot="1" x14ac:dyDescent="0.3">
      <c r="B54" s="462"/>
      <c r="C54" s="443"/>
      <c r="D54" s="444"/>
    </row>
    <row r="55" spans="2:4" x14ac:dyDescent="0.25">
      <c r="B55" s="154" t="s">
        <v>3365</v>
      </c>
      <c r="C55" s="167"/>
      <c r="D55" s="168"/>
    </row>
    <row r="56" spans="2:4" x14ac:dyDescent="0.25">
      <c r="B56" s="169" t="s">
        <v>3286</v>
      </c>
      <c r="C56" s="142"/>
      <c r="D56" s="170"/>
    </row>
    <row r="57" spans="2:4" x14ac:dyDescent="0.25">
      <c r="B57" s="169" t="s">
        <v>3287</v>
      </c>
      <c r="C57" s="142"/>
      <c r="D57" s="170"/>
    </row>
    <row r="58" spans="2:4" ht="15.75" thickBot="1" x14ac:dyDescent="0.3"/>
    <row r="59" spans="2:4" ht="15.75" thickBot="1" x14ac:dyDescent="0.3">
      <c r="B59" s="452" t="s">
        <v>3288</v>
      </c>
      <c r="C59" s="453"/>
      <c r="D59" s="471"/>
    </row>
    <row r="60" spans="2:4" x14ac:dyDescent="0.25">
      <c r="B60" s="439" t="s">
        <v>3289</v>
      </c>
      <c r="C60" s="440"/>
      <c r="D60" s="441"/>
    </row>
    <row r="61" spans="2:4" x14ac:dyDescent="0.25">
      <c r="B61" s="462"/>
      <c r="C61" s="443"/>
      <c r="D61" s="444"/>
    </row>
    <row r="62" spans="2:4" x14ac:dyDescent="0.25">
      <c r="B62" s="142" t="s">
        <v>3290</v>
      </c>
      <c r="C62" s="142"/>
      <c r="D62" s="142"/>
    </row>
    <row r="63" spans="2:4" x14ac:dyDescent="0.25">
      <c r="B63" s="142" t="s">
        <v>3291</v>
      </c>
      <c r="C63" s="142"/>
      <c r="D63" s="142"/>
    </row>
    <row r="64" spans="2:4" x14ac:dyDescent="0.25">
      <c r="B64" s="142" t="s">
        <v>3292</v>
      </c>
      <c r="C64" s="142"/>
      <c r="D64" s="142"/>
    </row>
    <row r="65" spans="2:4" x14ac:dyDescent="0.25">
      <c r="B65" s="142" t="s">
        <v>3293</v>
      </c>
      <c r="C65" s="142"/>
      <c r="D65" s="142"/>
    </row>
    <row r="66" spans="2:4" x14ac:dyDescent="0.25">
      <c r="B66" s="142" t="s">
        <v>3294</v>
      </c>
      <c r="C66" s="142"/>
      <c r="D66" s="142"/>
    </row>
    <row r="67" spans="2:4" x14ac:dyDescent="0.25">
      <c r="B67" s="142" t="s">
        <v>3295</v>
      </c>
      <c r="C67" s="142"/>
      <c r="D67" s="142"/>
    </row>
    <row r="68" spans="2:4" ht="15.75" thickBot="1" x14ac:dyDescent="0.3"/>
    <row r="69" spans="2:4" ht="15.75" thickBot="1" x14ac:dyDescent="0.3">
      <c r="B69" s="452" t="s">
        <v>3296</v>
      </c>
      <c r="C69" s="453"/>
      <c r="D69" s="471"/>
    </row>
    <row r="70" spans="2:4" x14ac:dyDescent="0.25">
      <c r="B70" s="439" t="s">
        <v>3297</v>
      </c>
      <c r="C70" s="440"/>
      <c r="D70" s="441"/>
    </row>
    <row r="71" spans="2:4" ht="15.75" thickBot="1" x14ac:dyDescent="0.3">
      <c r="B71" s="462"/>
      <c r="C71" s="443"/>
      <c r="D71" s="444"/>
    </row>
    <row r="72" spans="2:4" x14ac:dyDescent="0.25">
      <c r="B72" s="154" t="s">
        <v>3298</v>
      </c>
      <c r="C72" s="167"/>
      <c r="D72" s="168"/>
    </row>
    <row r="73" spans="2:4" x14ac:dyDescent="0.25">
      <c r="B73" s="169" t="s">
        <v>3299</v>
      </c>
      <c r="C73" s="142"/>
      <c r="D73" s="170"/>
    </row>
    <row r="74" spans="2:4" x14ac:dyDescent="0.25">
      <c r="B74" s="169" t="s">
        <v>3300</v>
      </c>
      <c r="C74" s="142"/>
      <c r="D74" s="170"/>
    </row>
    <row r="75" spans="2:4" x14ac:dyDescent="0.25">
      <c r="B75" s="169" t="s">
        <v>3301</v>
      </c>
      <c r="C75" s="142"/>
      <c r="D75" s="170"/>
    </row>
    <row r="76" spans="2:4" x14ac:dyDescent="0.25">
      <c r="B76" s="169" t="s">
        <v>3302</v>
      </c>
      <c r="C76" s="142"/>
      <c r="D76" s="170"/>
    </row>
    <row r="77" spans="2:4" x14ac:dyDescent="0.25">
      <c r="B77" s="169" t="s">
        <v>3303</v>
      </c>
      <c r="C77" s="142"/>
      <c r="D77" s="170"/>
    </row>
    <row r="78" spans="2:4" x14ac:dyDescent="0.25">
      <c r="B78" s="169" t="s">
        <v>3304</v>
      </c>
      <c r="C78" s="142"/>
      <c r="D78" s="170"/>
    </row>
    <row r="79" spans="2:4" x14ac:dyDescent="0.25">
      <c r="B79" s="169" t="s">
        <v>3305</v>
      </c>
      <c r="C79" s="142"/>
      <c r="D79" s="170"/>
    </row>
    <row r="80" spans="2:4" x14ac:dyDescent="0.25">
      <c r="B80" s="169" t="s">
        <v>3306</v>
      </c>
      <c r="C80" s="142"/>
      <c r="D80" s="170"/>
    </row>
    <row r="81" spans="2:4" x14ac:dyDescent="0.25">
      <c r="B81" s="169" t="s">
        <v>3307</v>
      </c>
      <c r="C81" s="142"/>
      <c r="D81" s="170"/>
    </row>
    <row r="82" spans="2:4" x14ac:dyDescent="0.25">
      <c r="B82" s="169" t="s">
        <v>3308</v>
      </c>
      <c r="C82" s="142"/>
      <c r="D82" s="170"/>
    </row>
    <row r="83" spans="2:4" x14ac:dyDescent="0.25">
      <c r="B83" s="169" t="s">
        <v>3309</v>
      </c>
      <c r="C83" s="142"/>
      <c r="D83" s="170"/>
    </row>
    <row r="84" spans="2:4" ht="15.75" thickBot="1" x14ac:dyDescent="0.3"/>
    <row r="85" spans="2:4" ht="15.75" thickBot="1" x14ac:dyDescent="0.3">
      <c r="B85" s="452" t="s">
        <v>3310</v>
      </c>
      <c r="C85" s="453"/>
      <c r="D85" s="471"/>
    </row>
    <row r="86" spans="2:4" x14ac:dyDescent="0.25">
      <c r="B86" s="439" t="s">
        <v>3311</v>
      </c>
      <c r="C86" s="440"/>
      <c r="D86" s="441"/>
    </row>
    <row r="87" spans="2:4" ht="15.75" thickBot="1" x14ac:dyDescent="0.3">
      <c r="B87" s="462"/>
      <c r="C87" s="443"/>
      <c r="D87" s="444"/>
    </row>
    <row r="88" spans="2:4" x14ac:dyDescent="0.25">
      <c r="B88" s="154" t="s">
        <v>3312</v>
      </c>
      <c r="C88" s="167"/>
      <c r="D88" s="168"/>
    </row>
    <row r="89" spans="2:4" x14ac:dyDescent="0.25">
      <c r="B89" s="169" t="s">
        <v>3313</v>
      </c>
      <c r="C89" s="142"/>
      <c r="D89" s="170"/>
    </row>
    <row r="90" spans="2:4" x14ac:dyDescent="0.25">
      <c r="B90" s="169" t="s">
        <v>3314</v>
      </c>
      <c r="C90" s="142"/>
      <c r="D90" s="170"/>
    </row>
    <row r="91" spans="2:4" x14ac:dyDescent="0.25">
      <c r="B91" s="169" t="s">
        <v>3315</v>
      </c>
      <c r="C91" s="142"/>
      <c r="D91" s="170"/>
    </row>
    <row r="92" spans="2:4" x14ac:dyDescent="0.25">
      <c r="B92" s="169" t="s">
        <v>3316</v>
      </c>
      <c r="C92" s="142"/>
      <c r="D92" s="170"/>
    </row>
    <row r="93" spans="2:4" x14ac:dyDescent="0.25">
      <c r="B93" s="169" t="s">
        <v>3317</v>
      </c>
      <c r="C93" s="142"/>
      <c r="D93" s="170"/>
    </row>
    <row r="94" spans="2:4" ht="15.75" thickBot="1" x14ac:dyDescent="0.3"/>
    <row r="95" spans="2:4" ht="15.75" thickBot="1" x14ac:dyDescent="0.3">
      <c r="B95" s="452" t="s">
        <v>3318</v>
      </c>
      <c r="C95" s="453"/>
      <c r="D95" s="471"/>
    </row>
    <row r="96" spans="2:4" x14ac:dyDescent="0.25">
      <c r="B96" s="439" t="s">
        <v>3311</v>
      </c>
      <c r="C96" s="440"/>
      <c r="D96" s="441"/>
    </row>
    <row r="97" spans="2:4" ht="15.75" thickBot="1" x14ac:dyDescent="0.3">
      <c r="B97" s="462"/>
      <c r="C97" s="443"/>
      <c r="D97" s="444"/>
    </row>
    <row r="98" spans="2:4" x14ac:dyDescent="0.25">
      <c r="B98" s="154" t="s">
        <v>3319</v>
      </c>
      <c r="C98" s="167"/>
      <c r="D98" s="168"/>
    </row>
    <row r="99" spans="2:4" x14ac:dyDescent="0.25">
      <c r="B99" s="169" t="s">
        <v>3320</v>
      </c>
      <c r="C99" s="142"/>
      <c r="D99" s="170"/>
    </row>
    <row r="100" spans="2:4" x14ac:dyDescent="0.25">
      <c r="B100" s="169" t="s">
        <v>3321</v>
      </c>
      <c r="C100" s="142"/>
      <c r="D100" s="170"/>
    </row>
    <row r="101" spans="2:4" x14ac:dyDescent="0.25">
      <c r="B101" s="169" t="s">
        <v>3322</v>
      </c>
      <c r="C101" s="142"/>
      <c r="D101" s="170"/>
    </row>
    <row r="102" spans="2:4" x14ac:dyDescent="0.25">
      <c r="B102" s="169" t="s">
        <v>3323</v>
      </c>
      <c r="C102" s="142"/>
      <c r="D102" s="170"/>
    </row>
    <row r="103" spans="2:4" x14ac:dyDescent="0.25">
      <c r="B103" s="169" t="s">
        <v>1261</v>
      </c>
      <c r="C103" s="142"/>
      <c r="D103" s="170"/>
    </row>
    <row r="104" spans="2:4" x14ac:dyDescent="0.25">
      <c r="B104" s="169" t="s">
        <v>3324</v>
      </c>
      <c r="C104" s="142"/>
      <c r="D104" s="170"/>
    </row>
    <row r="105" spans="2:4" x14ac:dyDescent="0.25">
      <c r="B105" s="169" t="s">
        <v>1258</v>
      </c>
      <c r="C105" s="142"/>
      <c r="D105" s="170"/>
    </row>
    <row r="106" spans="2:4" x14ac:dyDescent="0.25">
      <c r="B106" s="169" t="s">
        <v>1954</v>
      </c>
      <c r="C106" s="142"/>
      <c r="D106" s="170"/>
    </row>
    <row r="107" spans="2:4" x14ac:dyDescent="0.25">
      <c r="B107" s="169" t="s">
        <v>38</v>
      </c>
      <c r="C107" s="142"/>
      <c r="D107" s="170"/>
    </row>
    <row r="108" spans="2:4" x14ac:dyDescent="0.25">
      <c r="B108" s="169" t="s">
        <v>3325</v>
      </c>
      <c r="C108" s="142"/>
      <c r="D108" s="170"/>
    </row>
    <row r="109" spans="2:4" x14ac:dyDescent="0.25">
      <c r="B109" s="169" t="s">
        <v>3326</v>
      </c>
      <c r="C109" s="142"/>
      <c r="D109" s="170"/>
    </row>
    <row r="110" spans="2:4" x14ac:dyDescent="0.25">
      <c r="B110" s="169" t="s">
        <v>1966</v>
      </c>
      <c r="C110" s="142"/>
      <c r="D110" s="170"/>
    </row>
    <row r="111" spans="2:4" x14ac:dyDescent="0.25">
      <c r="B111" s="169" t="s">
        <v>3327</v>
      </c>
      <c r="C111" s="142"/>
      <c r="D111" s="170"/>
    </row>
    <row r="112" spans="2:4" x14ac:dyDescent="0.25">
      <c r="B112" s="169" t="s">
        <v>3328</v>
      </c>
      <c r="C112" s="142"/>
      <c r="D112" s="170"/>
    </row>
    <row r="113" spans="2:4" x14ac:dyDescent="0.25">
      <c r="B113" s="169" t="s">
        <v>3254</v>
      </c>
      <c r="C113" s="142"/>
      <c r="D113" s="170"/>
    </row>
    <row r="114" spans="2:4" x14ac:dyDescent="0.25">
      <c r="B114" s="169" t="s">
        <v>3329</v>
      </c>
      <c r="C114" s="142"/>
      <c r="D114" s="170"/>
    </row>
    <row r="115" spans="2:4" x14ac:dyDescent="0.25">
      <c r="B115" s="169" t="s">
        <v>3330</v>
      </c>
      <c r="C115" s="142"/>
      <c r="D115" s="170"/>
    </row>
    <row r="116" spans="2:4" x14ac:dyDescent="0.25">
      <c r="B116" s="169" t="s">
        <v>3331</v>
      </c>
      <c r="C116" s="142"/>
      <c r="D116" s="170"/>
    </row>
    <row r="117" spans="2:4" x14ac:dyDescent="0.25">
      <c r="B117" s="169" t="s">
        <v>3332</v>
      </c>
      <c r="C117" s="142"/>
      <c r="D117" s="170"/>
    </row>
    <row r="118" spans="2:4" ht="15.75" thickBot="1" x14ac:dyDescent="0.3"/>
    <row r="119" spans="2:4" ht="15.75" thickBot="1" x14ac:dyDescent="0.3">
      <c r="B119" s="452" t="s">
        <v>3333</v>
      </c>
      <c r="C119" s="453"/>
      <c r="D119" s="471"/>
    </row>
    <row r="120" spans="2:4" x14ac:dyDescent="0.25">
      <c r="B120" s="439" t="s">
        <v>3334</v>
      </c>
      <c r="C120" s="440"/>
      <c r="D120" s="441"/>
    </row>
    <row r="121" spans="2:4" ht="15.75" thickBot="1" x14ac:dyDescent="0.3">
      <c r="B121" s="462"/>
      <c r="C121" s="443"/>
      <c r="D121" s="444"/>
    </row>
    <row r="122" spans="2:4" x14ac:dyDescent="0.25">
      <c r="B122" s="154" t="s">
        <v>2086</v>
      </c>
      <c r="C122" s="167"/>
      <c r="D122" s="168"/>
    </row>
    <row r="123" spans="2:4" x14ac:dyDescent="0.25">
      <c r="B123" s="169" t="s">
        <v>3335</v>
      </c>
      <c r="C123" s="142"/>
      <c r="D123" s="170"/>
    </row>
    <row r="124" spans="2:4" x14ac:dyDescent="0.25">
      <c r="B124" s="169" t="s">
        <v>3336</v>
      </c>
      <c r="C124" s="142"/>
      <c r="D124" s="170"/>
    </row>
    <row r="125" spans="2:4" x14ac:dyDescent="0.25">
      <c r="B125" s="169" t="s">
        <v>2082</v>
      </c>
      <c r="C125" s="142"/>
      <c r="D125" s="170"/>
    </row>
    <row r="126" spans="2:4" x14ac:dyDescent="0.25">
      <c r="B126" s="169" t="s">
        <v>3337</v>
      </c>
      <c r="C126" s="142"/>
      <c r="D126" s="170"/>
    </row>
    <row r="127" spans="2:4" x14ac:dyDescent="0.25">
      <c r="B127" s="169" t="s">
        <v>3338</v>
      </c>
      <c r="C127" s="142"/>
      <c r="D127" s="170"/>
    </row>
    <row r="128" spans="2:4" x14ac:dyDescent="0.25">
      <c r="B128" s="169" t="s">
        <v>3339</v>
      </c>
      <c r="C128" s="142"/>
      <c r="D128" s="170"/>
    </row>
    <row r="129" spans="2:4" x14ac:dyDescent="0.25">
      <c r="B129" s="169" t="s">
        <v>3340</v>
      </c>
      <c r="C129" s="142"/>
      <c r="D129" s="170"/>
    </row>
    <row r="130" spans="2:4" x14ac:dyDescent="0.25">
      <c r="B130" s="169" t="s">
        <v>3341</v>
      </c>
      <c r="C130" s="142"/>
      <c r="D130" s="170"/>
    </row>
    <row r="131" spans="2:4" x14ac:dyDescent="0.25">
      <c r="B131" s="169" t="s">
        <v>3342</v>
      </c>
      <c r="C131" s="142"/>
      <c r="D131" s="170"/>
    </row>
    <row r="132" spans="2:4" ht="15.75" thickBot="1" x14ac:dyDescent="0.3"/>
    <row r="133" spans="2:4" ht="15.75" thickBot="1" x14ac:dyDescent="0.3">
      <c r="B133" s="452" t="s">
        <v>3343</v>
      </c>
      <c r="C133" s="453"/>
      <c r="D133" s="471"/>
    </row>
    <row r="134" spans="2:4" x14ac:dyDescent="0.25">
      <c r="B134" s="439" t="s">
        <v>3344</v>
      </c>
      <c r="C134" s="440"/>
      <c r="D134" s="441"/>
    </row>
    <row r="135" spans="2:4" x14ac:dyDescent="0.25">
      <c r="B135" s="462"/>
      <c r="C135" s="443"/>
      <c r="D135" s="444"/>
    </row>
    <row r="136" spans="2:4" ht="15.75" thickBot="1" x14ac:dyDescent="0.3">
      <c r="B136" s="462"/>
      <c r="C136" s="443"/>
      <c r="D136" s="444"/>
    </row>
    <row r="137" spans="2:4" x14ac:dyDescent="0.25">
      <c r="B137" s="154" t="s">
        <v>3345</v>
      </c>
      <c r="C137" s="167"/>
      <c r="D137" s="168"/>
    </row>
    <row r="138" spans="2:4" x14ac:dyDescent="0.25">
      <c r="B138" s="169" t="s">
        <v>3346</v>
      </c>
      <c r="C138" s="142"/>
      <c r="D138" s="170"/>
    </row>
    <row r="139" spans="2:4" x14ac:dyDescent="0.25">
      <c r="B139" s="169" t="s">
        <v>3347</v>
      </c>
      <c r="C139" s="142"/>
      <c r="D139" s="170"/>
    </row>
    <row r="140" spans="2:4" x14ac:dyDescent="0.25">
      <c r="B140" s="169" t="s">
        <v>3348</v>
      </c>
      <c r="C140" s="142"/>
      <c r="D140" s="170"/>
    </row>
    <row r="141" spans="2:4" x14ac:dyDescent="0.25">
      <c r="B141" s="169" t="s">
        <v>3349</v>
      </c>
      <c r="C141" s="142"/>
      <c r="D141" s="170"/>
    </row>
    <row r="142" spans="2:4" ht="15.75" thickBot="1" x14ac:dyDescent="0.3"/>
    <row r="143" spans="2:4" ht="15.75" thickBot="1" x14ac:dyDescent="0.3">
      <c r="B143" s="452" t="s">
        <v>3350</v>
      </c>
      <c r="C143" s="453"/>
      <c r="D143" s="471"/>
    </row>
    <row r="144" spans="2:4" x14ac:dyDescent="0.25">
      <c r="B144" s="439" t="s">
        <v>3351</v>
      </c>
      <c r="C144" s="440"/>
      <c r="D144" s="441"/>
    </row>
    <row r="145" spans="2:4" ht="15.75" thickBot="1" x14ac:dyDescent="0.3">
      <c r="B145" s="462"/>
      <c r="C145" s="443"/>
      <c r="D145" s="444"/>
    </row>
    <row r="146" spans="2:4" x14ac:dyDescent="0.25">
      <c r="B146" s="154" t="s">
        <v>3352</v>
      </c>
      <c r="C146" s="167"/>
      <c r="D146" s="168"/>
    </row>
    <row r="147" spans="2:4" x14ac:dyDescent="0.25">
      <c r="B147" s="169" t="s">
        <v>3347</v>
      </c>
      <c r="C147" s="142"/>
      <c r="D147" s="170"/>
    </row>
    <row r="148" spans="2:4" x14ac:dyDescent="0.25">
      <c r="B148" s="169" t="s">
        <v>3353</v>
      </c>
      <c r="C148" s="142"/>
      <c r="D148" s="170"/>
    </row>
    <row r="149" spans="2:4" x14ac:dyDescent="0.25">
      <c r="B149" s="169" t="s">
        <v>3221</v>
      </c>
      <c r="C149" s="142"/>
      <c r="D149" s="170"/>
    </row>
    <row r="150" spans="2:4" x14ac:dyDescent="0.25">
      <c r="B150" s="169" t="s">
        <v>2179</v>
      </c>
      <c r="C150" s="142"/>
      <c r="D150" s="170"/>
    </row>
    <row r="151" spans="2:4" x14ac:dyDescent="0.25">
      <c r="B151" s="169" t="s">
        <v>3224</v>
      </c>
      <c r="C151" s="142"/>
      <c r="D151" s="170"/>
    </row>
    <row r="152" spans="2:4" ht="15.75" thickBot="1" x14ac:dyDescent="0.3"/>
    <row r="153" spans="2:4" ht="15.75" thickBot="1" x14ac:dyDescent="0.3">
      <c r="B153" s="452" t="s">
        <v>3354</v>
      </c>
      <c r="C153" s="453"/>
      <c r="D153" s="471"/>
    </row>
    <row r="154" spans="2:4" x14ac:dyDescent="0.25">
      <c r="B154" s="439" t="s">
        <v>3355</v>
      </c>
      <c r="C154" s="440"/>
      <c r="D154" s="441"/>
    </row>
    <row r="155" spans="2:4" ht="15.75" thickBot="1" x14ac:dyDescent="0.3">
      <c r="B155" s="462"/>
      <c r="C155" s="443"/>
      <c r="D155" s="444"/>
    </row>
    <row r="156" spans="2:4" x14ac:dyDescent="0.25">
      <c r="B156" s="154" t="s">
        <v>3356</v>
      </c>
      <c r="C156" s="167"/>
      <c r="D156" s="168"/>
    </row>
    <row r="157" spans="2:4" x14ac:dyDescent="0.25">
      <c r="B157" s="169" t="s">
        <v>3357</v>
      </c>
      <c r="C157" s="142"/>
      <c r="D157" s="170"/>
    </row>
    <row r="158" spans="2:4" x14ac:dyDescent="0.25">
      <c r="B158" s="169" t="s">
        <v>3347</v>
      </c>
      <c r="C158" s="142"/>
      <c r="D158" s="170"/>
    </row>
    <row r="159" spans="2:4" x14ac:dyDescent="0.25">
      <c r="B159" s="169" t="s">
        <v>3358</v>
      </c>
      <c r="C159" s="142"/>
      <c r="D159" s="170"/>
    </row>
    <row r="160" spans="2:4" x14ac:dyDescent="0.25">
      <c r="B160" s="169" t="s">
        <v>3359</v>
      </c>
      <c r="C160" s="142"/>
      <c r="D160" s="170"/>
    </row>
    <row r="161" spans="2:4" x14ac:dyDescent="0.25">
      <c r="B161" s="169" t="s">
        <v>2357</v>
      </c>
      <c r="C161" s="142"/>
      <c r="D161" s="170"/>
    </row>
    <row r="162" spans="2:4" x14ac:dyDescent="0.25">
      <c r="B162" s="169" t="s">
        <v>3360</v>
      </c>
      <c r="C162" s="142"/>
      <c r="D162" s="170"/>
    </row>
    <row r="163" spans="2:4" x14ac:dyDescent="0.25">
      <c r="B163" s="169" t="s">
        <v>3361</v>
      </c>
      <c r="C163" s="142"/>
      <c r="D163" s="170"/>
    </row>
    <row r="164" spans="2:4" x14ac:dyDescent="0.25">
      <c r="B164" s="169" t="s">
        <v>3362</v>
      </c>
      <c r="C164" s="142"/>
      <c r="D164" s="170"/>
    </row>
    <row r="165" spans="2:4" x14ac:dyDescent="0.25">
      <c r="B165" s="169" t="s">
        <v>2264</v>
      </c>
      <c r="C165" s="142"/>
      <c r="D165" s="170"/>
    </row>
    <row r="166" spans="2:4" x14ac:dyDescent="0.25">
      <c r="B166" s="169" t="s">
        <v>223</v>
      </c>
      <c r="C166" s="142"/>
      <c r="D166" s="170"/>
    </row>
    <row r="167" spans="2:4" x14ac:dyDescent="0.25">
      <c r="B167" s="169" t="s">
        <v>3363</v>
      </c>
      <c r="C167" s="142"/>
      <c r="D167" s="170"/>
    </row>
    <row r="168" spans="2:4" x14ac:dyDescent="0.25">
      <c r="B168" s="169" t="s">
        <v>3364</v>
      </c>
      <c r="C168" s="142"/>
      <c r="D168" s="170"/>
    </row>
    <row r="169" spans="2:4" ht="15.75" thickBot="1" x14ac:dyDescent="0.3"/>
    <row r="170" spans="2:4" ht="15.75" thickBot="1" x14ac:dyDescent="0.3">
      <c r="B170" s="452" t="s">
        <v>3366</v>
      </c>
      <c r="C170" s="453"/>
      <c r="D170" s="471"/>
    </row>
    <row r="171" spans="2:4" x14ac:dyDescent="0.25">
      <c r="B171" s="439" t="s">
        <v>3367</v>
      </c>
      <c r="C171" s="440"/>
      <c r="D171" s="441"/>
    </row>
    <row r="172" spans="2:4" ht="15.75" thickBot="1" x14ac:dyDescent="0.3">
      <c r="B172" s="462"/>
      <c r="C172" s="443"/>
      <c r="D172" s="444"/>
    </row>
    <row r="173" spans="2:4" x14ac:dyDescent="0.25">
      <c r="B173" s="154" t="s">
        <v>3368</v>
      </c>
      <c r="C173" s="167"/>
      <c r="D173" s="168"/>
    </row>
    <row r="174" spans="2:4" x14ac:dyDescent="0.25">
      <c r="B174" s="169" t="s">
        <v>3347</v>
      </c>
      <c r="C174" s="142"/>
      <c r="D174" s="170"/>
    </row>
    <row r="175" spans="2:4" ht="15.75" thickBot="1" x14ac:dyDescent="0.3"/>
    <row r="176" spans="2:4" ht="15.75" thickBot="1" x14ac:dyDescent="0.3">
      <c r="B176" s="452" t="s">
        <v>3369</v>
      </c>
      <c r="C176" s="453"/>
      <c r="D176" s="471"/>
    </row>
    <row r="177" spans="2:4" x14ac:dyDescent="0.25">
      <c r="B177" s="439" t="s">
        <v>3370</v>
      </c>
      <c r="C177" s="440"/>
      <c r="D177" s="441"/>
    </row>
    <row r="178" spans="2:4" ht="15.75" thickBot="1" x14ac:dyDescent="0.3">
      <c r="B178" s="462"/>
      <c r="C178" s="443"/>
      <c r="D178" s="444"/>
    </row>
    <row r="179" spans="2:4" x14ac:dyDescent="0.25">
      <c r="B179" s="154" t="s">
        <v>3371</v>
      </c>
      <c r="C179" s="167"/>
      <c r="D179" s="168"/>
    </row>
    <row r="180" spans="2:4" x14ac:dyDescent="0.25">
      <c r="B180" s="169" t="s">
        <v>3372</v>
      </c>
      <c r="C180" s="142"/>
      <c r="D180" s="170"/>
    </row>
    <row r="181" spans="2:4" x14ac:dyDescent="0.25">
      <c r="B181" s="169" t="s">
        <v>3373</v>
      </c>
      <c r="C181" s="142"/>
      <c r="D181" s="170"/>
    </row>
    <row r="182" spans="2:4" x14ac:dyDescent="0.25">
      <c r="B182" s="169" t="s">
        <v>3374</v>
      </c>
      <c r="C182" s="142"/>
      <c r="D182" s="170"/>
    </row>
    <row r="183" spans="2:4" x14ac:dyDescent="0.25">
      <c r="B183" s="169" t="s">
        <v>3375</v>
      </c>
      <c r="C183" s="142"/>
      <c r="D183" s="170"/>
    </row>
    <row r="184" spans="2:4" x14ac:dyDescent="0.25">
      <c r="B184" s="169" t="s">
        <v>3376</v>
      </c>
      <c r="C184" s="142"/>
      <c r="D184" s="170"/>
    </row>
    <row r="185" spans="2:4" x14ac:dyDescent="0.25">
      <c r="B185" s="169" t="s">
        <v>3377</v>
      </c>
      <c r="C185" s="142"/>
      <c r="D185" s="170"/>
    </row>
    <row r="186" spans="2:4" ht="15.75" thickBot="1" x14ac:dyDescent="0.3"/>
    <row r="187" spans="2:4" ht="15.75" thickBot="1" x14ac:dyDescent="0.3">
      <c r="B187" s="452" t="s">
        <v>3378</v>
      </c>
      <c r="C187" s="453"/>
      <c r="D187" s="471"/>
    </row>
    <row r="188" spans="2:4" x14ac:dyDescent="0.25">
      <c r="B188" s="439" t="s">
        <v>3379</v>
      </c>
      <c r="C188" s="440"/>
      <c r="D188" s="441"/>
    </row>
    <row r="189" spans="2:4" ht="15.75" thickBot="1" x14ac:dyDescent="0.3">
      <c r="B189" s="462"/>
      <c r="C189" s="443"/>
      <c r="D189" s="444"/>
    </row>
    <row r="190" spans="2:4" x14ac:dyDescent="0.25">
      <c r="B190" s="154" t="s">
        <v>3380</v>
      </c>
      <c r="C190" s="167"/>
      <c r="D190" s="168"/>
    </row>
    <row r="191" spans="2:4" x14ac:dyDescent="0.25">
      <c r="B191" s="169" t="s">
        <v>3381</v>
      </c>
      <c r="C191" s="142"/>
      <c r="D191" s="170"/>
    </row>
    <row r="192" spans="2:4" x14ac:dyDescent="0.25">
      <c r="B192" s="169" t="s">
        <v>3382</v>
      </c>
      <c r="C192" s="142"/>
      <c r="D192" s="170"/>
    </row>
    <row r="193" spans="2:4" x14ac:dyDescent="0.25">
      <c r="B193" s="169" t="s">
        <v>3383</v>
      </c>
      <c r="C193" s="142"/>
      <c r="D193" s="170"/>
    </row>
    <row r="194" spans="2:4" x14ac:dyDescent="0.25">
      <c r="B194" s="169" t="s">
        <v>2878</v>
      </c>
      <c r="C194" s="142"/>
      <c r="D194" s="170"/>
    </row>
    <row r="195" spans="2:4" x14ac:dyDescent="0.25">
      <c r="B195" s="169" t="s">
        <v>3384</v>
      </c>
      <c r="C195" s="142"/>
      <c r="D195" s="170"/>
    </row>
    <row r="196" spans="2:4" x14ac:dyDescent="0.25">
      <c r="B196" s="169" t="s">
        <v>3385</v>
      </c>
      <c r="C196" s="142"/>
      <c r="D196" s="170"/>
    </row>
    <row r="197" spans="2:4" x14ac:dyDescent="0.25">
      <c r="B197" s="169" t="s">
        <v>3386</v>
      </c>
      <c r="C197" s="142"/>
      <c r="D197" s="170"/>
    </row>
    <row r="198" spans="2:4" x14ac:dyDescent="0.25">
      <c r="B198" s="169" t="s">
        <v>3387</v>
      </c>
      <c r="C198" s="142"/>
      <c r="D198" s="170"/>
    </row>
    <row r="199" spans="2:4" x14ac:dyDescent="0.25">
      <c r="B199" s="169" t="s">
        <v>3388</v>
      </c>
      <c r="C199" s="142"/>
      <c r="D199" s="170"/>
    </row>
    <row r="200" spans="2:4" x14ac:dyDescent="0.25">
      <c r="B200" s="169" t="s">
        <v>3389</v>
      </c>
      <c r="C200" s="142"/>
      <c r="D200" s="170"/>
    </row>
    <row r="201" spans="2:4" x14ac:dyDescent="0.25">
      <c r="B201" s="169" t="s">
        <v>3390</v>
      </c>
      <c r="C201" s="142"/>
      <c r="D201" s="170"/>
    </row>
    <row r="202" spans="2:4" x14ac:dyDescent="0.25">
      <c r="B202" s="169" t="s">
        <v>3391</v>
      </c>
      <c r="C202" s="142"/>
      <c r="D202" s="170"/>
    </row>
    <row r="203" spans="2:4" x14ac:dyDescent="0.25">
      <c r="B203" s="169" t="s">
        <v>3392</v>
      </c>
      <c r="C203" s="142"/>
      <c r="D203" s="170"/>
    </row>
    <row r="204" spans="2:4" x14ac:dyDescent="0.25">
      <c r="B204" s="169" t="s">
        <v>3393</v>
      </c>
      <c r="C204" s="142"/>
      <c r="D204" s="170"/>
    </row>
    <row r="205" spans="2:4" x14ac:dyDescent="0.25">
      <c r="B205" s="169" t="s">
        <v>3394</v>
      </c>
      <c r="C205" s="142"/>
      <c r="D205" s="170"/>
    </row>
    <row r="206" spans="2:4" x14ac:dyDescent="0.25">
      <c r="B206" s="169" t="s">
        <v>3395</v>
      </c>
      <c r="C206" s="142"/>
      <c r="D206" s="170"/>
    </row>
    <row r="207" spans="2:4" x14ac:dyDescent="0.25">
      <c r="B207" s="169" t="s">
        <v>3227</v>
      </c>
      <c r="C207" s="142"/>
      <c r="D207" s="170"/>
    </row>
    <row r="208" spans="2:4" x14ac:dyDescent="0.25">
      <c r="B208" s="169" t="s">
        <v>3396</v>
      </c>
      <c r="C208" s="142"/>
      <c r="D208" s="170"/>
    </row>
    <row r="209" spans="2:4" x14ac:dyDescent="0.25">
      <c r="B209" s="169" t="s">
        <v>3397</v>
      </c>
      <c r="C209" s="142"/>
      <c r="D209" s="170"/>
    </row>
    <row r="210" spans="2:4" x14ac:dyDescent="0.25">
      <c r="B210" s="169" t="s">
        <v>3398</v>
      </c>
      <c r="C210" s="142"/>
      <c r="D210" s="170"/>
    </row>
    <row r="211" spans="2:4" x14ac:dyDescent="0.25">
      <c r="B211" s="169" t="s">
        <v>2086</v>
      </c>
      <c r="C211" s="142"/>
      <c r="D211" s="170"/>
    </row>
    <row r="212" spans="2:4" ht="15.75" thickBot="1" x14ac:dyDescent="0.3"/>
    <row r="213" spans="2:4" ht="15.75" thickBot="1" x14ac:dyDescent="0.3">
      <c r="B213" s="452" t="s">
        <v>3399</v>
      </c>
      <c r="C213" s="453"/>
      <c r="D213" s="471"/>
    </row>
    <row r="214" spans="2:4" x14ac:dyDescent="0.25">
      <c r="B214" s="439" t="s">
        <v>3400</v>
      </c>
      <c r="C214" s="440"/>
      <c r="D214" s="441"/>
    </row>
    <row r="215" spans="2:4" ht="15.75" thickBot="1" x14ac:dyDescent="0.3">
      <c r="B215" s="462"/>
      <c r="C215" s="443"/>
      <c r="D215" s="444"/>
    </row>
    <row r="216" spans="2:4" x14ac:dyDescent="0.25">
      <c r="B216" s="154" t="s">
        <v>3401</v>
      </c>
      <c r="C216" s="167"/>
      <c r="D216" s="168"/>
    </row>
    <row r="217" spans="2:4" x14ac:dyDescent="0.25">
      <c r="B217" s="169" t="s">
        <v>3402</v>
      </c>
      <c r="C217" s="142"/>
      <c r="D217" s="170"/>
    </row>
    <row r="218" spans="2:4" x14ac:dyDescent="0.25">
      <c r="B218" s="169" t="s">
        <v>3403</v>
      </c>
      <c r="C218" s="142"/>
      <c r="D218" s="170"/>
    </row>
    <row r="219" spans="2:4" x14ac:dyDescent="0.25">
      <c r="B219" s="169" t="s">
        <v>3404</v>
      </c>
      <c r="C219" s="142"/>
      <c r="D219" s="170"/>
    </row>
    <row r="220" spans="2:4" x14ac:dyDescent="0.25">
      <c r="B220" s="169" t="s">
        <v>3405</v>
      </c>
      <c r="C220" s="142"/>
      <c r="D220" s="170"/>
    </row>
    <row r="221" spans="2:4" x14ac:dyDescent="0.25">
      <c r="B221" s="169" t="s">
        <v>3406</v>
      </c>
      <c r="C221" s="142"/>
      <c r="D221" s="170"/>
    </row>
    <row r="222" spans="2:4" x14ac:dyDescent="0.25">
      <c r="B222" s="169" t="s">
        <v>3227</v>
      </c>
      <c r="C222" s="142"/>
      <c r="D222" s="170"/>
    </row>
    <row r="223" spans="2:4" x14ac:dyDescent="0.25">
      <c r="B223" s="169" t="s">
        <v>3395</v>
      </c>
      <c r="C223" s="142"/>
      <c r="D223" s="170"/>
    </row>
    <row r="224" spans="2:4" x14ac:dyDescent="0.25">
      <c r="B224" s="169" t="s">
        <v>3407</v>
      </c>
      <c r="C224" s="142"/>
      <c r="D224" s="170"/>
    </row>
    <row r="225" spans="2:4" x14ac:dyDescent="0.25">
      <c r="B225" s="169" t="s">
        <v>3408</v>
      </c>
      <c r="C225" s="142"/>
      <c r="D225" s="170"/>
    </row>
    <row r="226" spans="2:4" x14ac:dyDescent="0.25">
      <c r="B226" s="169" t="s">
        <v>2082</v>
      </c>
      <c r="C226" s="142"/>
      <c r="D226" s="170"/>
    </row>
    <row r="227" spans="2:4" x14ac:dyDescent="0.25">
      <c r="B227" s="169" t="s">
        <v>3409</v>
      </c>
      <c r="C227" s="142"/>
      <c r="D227" s="170"/>
    </row>
    <row r="228" spans="2:4" x14ac:dyDescent="0.25">
      <c r="B228" s="169" t="s">
        <v>3410</v>
      </c>
      <c r="C228" s="142"/>
      <c r="D228" s="170"/>
    </row>
    <row r="229" spans="2:4" x14ac:dyDescent="0.25">
      <c r="B229" s="169" t="s">
        <v>3411</v>
      </c>
      <c r="C229" s="142"/>
      <c r="D229" s="170"/>
    </row>
    <row r="230" spans="2:4" x14ac:dyDescent="0.25">
      <c r="B230" s="169" t="s">
        <v>3388</v>
      </c>
      <c r="C230" s="142"/>
      <c r="D230" s="170"/>
    </row>
    <row r="231" spans="2:4" x14ac:dyDescent="0.25">
      <c r="B231" s="169" t="s">
        <v>3412</v>
      </c>
      <c r="C231" s="142"/>
      <c r="D231" s="170"/>
    </row>
    <row r="232" spans="2:4" x14ac:dyDescent="0.25">
      <c r="B232" s="169" t="s">
        <v>3413</v>
      </c>
      <c r="C232" s="142"/>
      <c r="D232" s="170"/>
    </row>
    <row r="233" spans="2:4" x14ac:dyDescent="0.25">
      <c r="B233" s="169" t="s">
        <v>3414</v>
      </c>
      <c r="C233" s="142"/>
      <c r="D233" s="170"/>
    </row>
    <row r="234" spans="2:4" x14ac:dyDescent="0.25">
      <c r="B234" s="169" t="s">
        <v>3415</v>
      </c>
      <c r="C234" s="142"/>
      <c r="D234" s="170"/>
    </row>
    <row r="235" spans="2:4" ht="15.75" thickBot="1" x14ac:dyDescent="0.3"/>
    <row r="236" spans="2:4" ht="15.75" thickBot="1" x14ac:dyDescent="0.3">
      <c r="B236" s="452" t="s">
        <v>3416</v>
      </c>
      <c r="C236" s="453"/>
      <c r="D236" s="471"/>
    </row>
    <row r="237" spans="2:4" x14ac:dyDescent="0.25">
      <c r="B237" s="439" t="s">
        <v>3426</v>
      </c>
      <c r="C237" s="440"/>
      <c r="D237" s="441"/>
    </row>
    <row r="238" spans="2:4" ht="15.75" thickBot="1" x14ac:dyDescent="0.3">
      <c r="B238" s="462"/>
      <c r="C238" s="443"/>
      <c r="D238" s="444"/>
    </row>
    <row r="239" spans="2:4" x14ac:dyDescent="0.25">
      <c r="B239" s="154" t="s">
        <v>3418</v>
      </c>
      <c r="C239" s="167"/>
      <c r="D239" s="168"/>
    </row>
    <row r="240" spans="2:4" x14ac:dyDescent="0.25">
      <c r="B240" s="169" t="s">
        <v>3419</v>
      </c>
      <c r="C240" s="142"/>
      <c r="D240" s="170"/>
    </row>
    <row r="241" spans="2:4" x14ac:dyDescent="0.25">
      <c r="B241" s="169" t="s">
        <v>3420</v>
      </c>
      <c r="C241" s="142"/>
      <c r="D241" s="170"/>
    </row>
    <row r="242" spans="2:4" x14ac:dyDescent="0.25">
      <c r="B242" s="169" t="s">
        <v>3421</v>
      </c>
      <c r="C242" s="142"/>
      <c r="D242" s="170"/>
    </row>
    <row r="243" spans="2:4" x14ac:dyDescent="0.25">
      <c r="B243" s="169" t="s">
        <v>3422</v>
      </c>
      <c r="C243" s="142"/>
      <c r="D243" s="170"/>
    </row>
    <row r="244" spans="2:4" x14ac:dyDescent="0.25">
      <c r="B244" s="169" t="s">
        <v>3423</v>
      </c>
      <c r="C244" s="142"/>
      <c r="D244" s="170"/>
    </row>
    <row r="245" spans="2:4" x14ac:dyDescent="0.25">
      <c r="B245" s="169" t="s">
        <v>3424</v>
      </c>
      <c r="C245" s="142"/>
      <c r="D245" s="170"/>
    </row>
    <row r="246" spans="2:4" ht="15.75" thickBot="1" x14ac:dyDescent="0.3"/>
    <row r="247" spans="2:4" ht="15.75" thickBot="1" x14ac:dyDescent="0.3">
      <c r="B247" s="452" t="s">
        <v>3425</v>
      </c>
      <c r="C247" s="453"/>
      <c r="D247" s="471"/>
    </row>
    <row r="248" spans="2:4" x14ac:dyDescent="0.25">
      <c r="B248" s="439" t="s">
        <v>3417</v>
      </c>
      <c r="C248" s="440"/>
      <c r="D248" s="441"/>
    </row>
    <row r="249" spans="2:4" ht="15.75" thickBot="1" x14ac:dyDescent="0.3">
      <c r="B249" s="462"/>
      <c r="C249" s="443"/>
      <c r="D249" s="444"/>
    </row>
    <row r="250" spans="2:4" x14ac:dyDescent="0.25">
      <c r="B250" s="154" t="s">
        <v>3427</v>
      </c>
      <c r="C250" s="167"/>
      <c r="D250" s="168"/>
    </row>
    <row r="251" spans="2:4" x14ac:dyDescent="0.25">
      <c r="B251" s="169" t="s">
        <v>3428</v>
      </c>
      <c r="C251" s="142"/>
      <c r="D251" s="170"/>
    </row>
    <row r="252" spans="2:4" x14ac:dyDescent="0.25">
      <c r="B252" s="169" t="s">
        <v>3429</v>
      </c>
      <c r="C252" s="142"/>
      <c r="D252" s="170"/>
    </row>
    <row r="253" spans="2:4" ht="15.75" thickBot="1" x14ac:dyDescent="0.3"/>
    <row r="254" spans="2:4" ht="15.75" thickBot="1" x14ac:dyDescent="0.3">
      <c r="B254" s="452" t="s">
        <v>3430</v>
      </c>
      <c r="C254" s="453"/>
      <c r="D254" s="471"/>
    </row>
    <row r="255" spans="2:4" x14ac:dyDescent="0.25">
      <c r="B255" s="439" t="s">
        <v>3431</v>
      </c>
      <c r="C255" s="440"/>
      <c r="D255" s="441"/>
    </row>
    <row r="256" spans="2:4" ht="15.75" thickBot="1" x14ac:dyDescent="0.3">
      <c r="B256" s="462"/>
      <c r="C256" s="443"/>
      <c r="D256" s="444"/>
    </row>
    <row r="257" spans="2:4" x14ac:dyDescent="0.25">
      <c r="B257" s="154" t="s">
        <v>561</v>
      </c>
      <c r="C257" s="167"/>
      <c r="D257" s="168"/>
    </row>
    <row r="258" spans="2:4" x14ac:dyDescent="0.25">
      <c r="B258" s="169" t="s">
        <v>3432</v>
      </c>
      <c r="C258" s="142"/>
      <c r="D258" s="170"/>
    </row>
    <row r="259" spans="2:4" x14ac:dyDescent="0.25">
      <c r="B259" s="169" t="s">
        <v>3433</v>
      </c>
      <c r="C259" s="142"/>
      <c r="D259" s="170"/>
    </row>
    <row r="260" spans="2:4" ht="15.75" thickBot="1" x14ac:dyDescent="0.3">
      <c r="B260" s="155" t="s">
        <v>3434</v>
      </c>
      <c r="C260" s="171"/>
      <c r="D260" s="172"/>
    </row>
    <row r="261" spans="2:4" ht="15.75" thickBot="1" x14ac:dyDescent="0.3"/>
    <row r="262" spans="2:4" ht="15.75" thickBot="1" x14ac:dyDescent="0.3">
      <c r="B262" s="452" t="s">
        <v>3435</v>
      </c>
      <c r="C262" s="453"/>
      <c r="D262" s="471"/>
    </row>
    <row r="263" spans="2:4" x14ac:dyDescent="0.25">
      <c r="B263" s="439" t="s">
        <v>3436</v>
      </c>
      <c r="C263" s="440"/>
      <c r="D263" s="441"/>
    </row>
    <row r="264" spans="2:4" ht="15.75" thickBot="1" x14ac:dyDescent="0.3">
      <c r="B264" s="462"/>
      <c r="C264" s="443"/>
      <c r="D264" s="444"/>
    </row>
    <row r="265" spans="2:4" x14ac:dyDescent="0.25">
      <c r="B265" s="154" t="s">
        <v>3437</v>
      </c>
      <c r="C265" s="167"/>
      <c r="D265" s="168"/>
    </row>
    <row r="266" spans="2:4" x14ac:dyDescent="0.25">
      <c r="B266" s="169" t="s">
        <v>3438</v>
      </c>
      <c r="C266" s="142"/>
      <c r="D266" s="170"/>
    </row>
    <row r="267" spans="2:4" x14ac:dyDescent="0.25">
      <c r="B267" s="169" t="s">
        <v>3439</v>
      </c>
      <c r="C267" s="142"/>
      <c r="D267" s="170"/>
    </row>
    <row r="268" spans="2:4" x14ac:dyDescent="0.25">
      <c r="B268" s="169" t="s">
        <v>3440</v>
      </c>
      <c r="C268" s="142"/>
      <c r="D268" s="170"/>
    </row>
    <row r="269" spans="2:4" x14ac:dyDescent="0.25">
      <c r="B269" s="169" t="s">
        <v>3441</v>
      </c>
      <c r="C269" s="142"/>
      <c r="D269" s="170"/>
    </row>
    <row r="270" spans="2:4" x14ac:dyDescent="0.25">
      <c r="B270" s="169" t="s">
        <v>3442</v>
      </c>
      <c r="C270" s="142"/>
      <c r="D270" s="170"/>
    </row>
    <row r="271" spans="2:4" x14ac:dyDescent="0.25">
      <c r="B271" s="169" t="s">
        <v>3443</v>
      </c>
      <c r="C271" s="142"/>
      <c r="D271" s="170"/>
    </row>
    <row r="272" spans="2:4" x14ac:dyDescent="0.25">
      <c r="B272" s="169" t="s">
        <v>3444</v>
      </c>
      <c r="C272" s="142"/>
      <c r="D272" s="170"/>
    </row>
    <row r="273" spans="2:4" x14ac:dyDescent="0.25">
      <c r="B273" s="169" t="s">
        <v>3445</v>
      </c>
      <c r="C273" s="142"/>
      <c r="D273" s="170"/>
    </row>
    <row r="274" spans="2:4" x14ac:dyDescent="0.25">
      <c r="B274" s="169" t="s">
        <v>3446</v>
      </c>
      <c r="C274" s="142"/>
      <c r="D274" s="170"/>
    </row>
    <row r="275" spans="2:4" x14ac:dyDescent="0.25">
      <c r="B275" s="169" t="s">
        <v>3447</v>
      </c>
      <c r="C275" s="142"/>
      <c r="D275" s="170"/>
    </row>
    <row r="276" spans="2:4" x14ac:dyDescent="0.25">
      <c r="B276" s="169" t="s">
        <v>3448</v>
      </c>
      <c r="C276" s="142"/>
      <c r="D276" s="170"/>
    </row>
    <row r="277" spans="2:4" x14ac:dyDescent="0.25">
      <c r="B277" s="169" t="s">
        <v>3449</v>
      </c>
      <c r="C277" s="142"/>
      <c r="D277" s="170"/>
    </row>
    <row r="278" spans="2:4" x14ac:dyDescent="0.25">
      <c r="B278" s="169" t="s">
        <v>3450</v>
      </c>
      <c r="C278" s="142"/>
      <c r="D278" s="170"/>
    </row>
    <row r="279" spans="2:4" x14ac:dyDescent="0.25">
      <c r="B279" s="169" t="s">
        <v>3451</v>
      </c>
      <c r="C279" s="142"/>
      <c r="D279" s="170"/>
    </row>
    <row r="280" spans="2:4" x14ac:dyDescent="0.25">
      <c r="B280" s="169" t="s">
        <v>3452</v>
      </c>
      <c r="C280" s="142"/>
      <c r="D280" s="170"/>
    </row>
    <row r="281" spans="2:4" x14ac:dyDescent="0.25">
      <c r="B281" s="169" t="s">
        <v>3453</v>
      </c>
      <c r="C281" s="142"/>
      <c r="D281" s="170"/>
    </row>
    <row r="282" spans="2:4" x14ac:dyDescent="0.25">
      <c r="B282" s="169" t="s">
        <v>3454</v>
      </c>
      <c r="C282" s="142"/>
      <c r="D282" s="170"/>
    </row>
    <row r="283" spans="2:4" x14ac:dyDescent="0.25">
      <c r="B283" s="169" t="s">
        <v>3455</v>
      </c>
      <c r="C283" s="142"/>
      <c r="D283" s="170"/>
    </row>
    <row r="284" spans="2:4" x14ac:dyDescent="0.25">
      <c r="B284" s="169" t="s">
        <v>3456</v>
      </c>
      <c r="C284" s="142"/>
      <c r="D284" s="170"/>
    </row>
    <row r="285" spans="2:4" x14ac:dyDescent="0.25">
      <c r="B285" s="169" t="s">
        <v>3457</v>
      </c>
      <c r="C285" s="142"/>
      <c r="D285" s="170"/>
    </row>
    <row r="286" spans="2:4" x14ac:dyDescent="0.25">
      <c r="B286" s="169" t="s">
        <v>3458</v>
      </c>
      <c r="C286" s="142"/>
      <c r="D286" s="170"/>
    </row>
    <row r="287" spans="2:4" x14ac:dyDescent="0.25">
      <c r="B287" s="169" t="s">
        <v>3459</v>
      </c>
      <c r="C287" s="142"/>
      <c r="D287" s="170"/>
    </row>
    <row r="288" spans="2:4" x14ac:dyDescent="0.25">
      <c r="B288" s="169" t="s">
        <v>3460</v>
      </c>
      <c r="C288" s="142"/>
      <c r="D288" s="170"/>
    </row>
    <row r="289" spans="2:4" x14ac:dyDescent="0.25">
      <c r="B289" s="169" t="s">
        <v>3461</v>
      </c>
      <c r="C289" s="142"/>
      <c r="D289" s="170"/>
    </row>
    <row r="290" spans="2:4" x14ac:dyDescent="0.25">
      <c r="B290" s="169" t="s">
        <v>3462</v>
      </c>
      <c r="C290" s="142"/>
      <c r="D290" s="170"/>
    </row>
    <row r="291" spans="2:4" x14ac:dyDescent="0.25">
      <c r="B291" s="169" t="s">
        <v>3463</v>
      </c>
      <c r="C291" s="142"/>
      <c r="D291" s="170"/>
    </row>
    <row r="292" spans="2:4" x14ac:dyDescent="0.25">
      <c r="B292" s="169" t="s">
        <v>3464</v>
      </c>
      <c r="C292" s="142"/>
      <c r="D292" s="170"/>
    </row>
    <row r="293" spans="2:4" x14ac:dyDescent="0.25">
      <c r="B293" s="169" t="s">
        <v>3465</v>
      </c>
      <c r="C293" s="142"/>
      <c r="D293" s="170"/>
    </row>
    <row r="294" spans="2:4" x14ac:dyDescent="0.25">
      <c r="B294" s="169" t="s">
        <v>3466</v>
      </c>
      <c r="C294" s="142"/>
      <c r="D294" s="170"/>
    </row>
    <row r="295" spans="2:4" x14ac:dyDescent="0.25">
      <c r="B295" s="169" t="s">
        <v>3467</v>
      </c>
      <c r="C295" s="142"/>
      <c r="D295" s="170"/>
    </row>
    <row r="296" spans="2:4" x14ac:dyDescent="0.25">
      <c r="B296" s="169" t="s">
        <v>3468</v>
      </c>
      <c r="C296" s="142"/>
      <c r="D296" s="170"/>
    </row>
    <row r="297" spans="2:4" x14ac:dyDescent="0.25">
      <c r="B297" s="169" t="s">
        <v>3469</v>
      </c>
      <c r="C297" s="142"/>
      <c r="D297" s="170"/>
    </row>
    <row r="298" spans="2:4" x14ac:dyDescent="0.25">
      <c r="B298" s="169" t="s">
        <v>3470</v>
      </c>
      <c r="C298" s="142"/>
      <c r="D298" s="170"/>
    </row>
    <row r="299" spans="2:4" x14ac:dyDescent="0.25">
      <c r="B299" s="169" t="s">
        <v>3471</v>
      </c>
      <c r="C299" s="142"/>
      <c r="D299" s="170"/>
    </row>
    <row r="300" spans="2:4" x14ac:dyDescent="0.25">
      <c r="B300" s="169" t="s">
        <v>3472</v>
      </c>
      <c r="C300" s="142"/>
      <c r="D300" s="170"/>
    </row>
    <row r="301" spans="2:4" x14ac:dyDescent="0.25">
      <c r="B301" s="169" t="s">
        <v>3473</v>
      </c>
      <c r="C301" s="142"/>
      <c r="D301" s="170"/>
    </row>
    <row r="302" spans="2:4" x14ac:dyDescent="0.25">
      <c r="B302" s="169" t="s">
        <v>3474</v>
      </c>
      <c r="C302" s="142"/>
      <c r="D302" s="170"/>
    </row>
    <row r="303" spans="2:4" x14ac:dyDescent="0.25">
      <c r="B303" s="169" t="s">
        <v>3475</v>
      </c>
      <c r="C303" s="142"/>
      <c r="D303" s="170"/>
    </row>
    <row r="304" spans="2:4" x14ac:dyDescent="0.25">
      <c r="B304" s="169" t="s">
        <v>3476</v>
      </c>
      <c r="C304" s="142"/>
      <c r="D304" s="170"/>
    </row>
    <row r="305" spans="2:4" x14ac:dyDescent="0.25">
      <c r="B305" s="169" t="s">
        <v>3477</v>
      </c>
      <c r="C305" s="142"/>
      <c r="D305" s="170"/>
    </row>
    <row r="306" spans="2:4" x14ac:dyDescent="0.25">
      <c r="B306" s="169" t="s">
        <v>365</v>
      </c>
      <c r="C306" s="142"/>
      <c r="D306" s="170"/>
    </row>
    <row r="307" spans="2:4" x14ac:dyDescent="0.25">
      <c r="B307" s="169" t="s">
        <v>3478</v>
      </c>
      <c r="C307" s="142"/>
      <c r="D307" s="170"/>
    </row>
    <row r="308" spans="2:4" x14ac:dyDescent="0.25">
      <c r="B308" s="169" t="s">
        <v>3479</v>
      </c>
      <c r="C308" s="142"/>
      <c r="D308" s="170"/>
    </row>
    <row r="309" spans="2:4" x14ac:dyDescent="0.25">
      <c r="B309" s="169" t="s">
        <v>3480</v>
      </c>
      <c r="C309" s="142"/>
      <c r="D309" s="170"/>
    </row>
    <row r="310" spans="2:4" x14ac:dyDescent="0.25">
      <c r="B310" s="169" t="s">
        <v>3481</v>
      </c>
      <c r="C310" s="142"/>
      <c r="D310" s="170"/>
    </row>
    <row r="311" spans="2:4" x14ac:dyDescent="0.25">
      <c r="B311" s="169" t="s">
        <v>3482</v>
      </c>
      <c r="C311" s="142"/>
      <c r="D311" s="170"/>
    </row>
    <row r="312" spans="2:4" x14ac:dyDescent="0.25">
      <c r="B312" s="169" t="s">
        <v>3483</v>
      </c>
      <c r="C312" s="142"/>
      <c r="D312" s="170"/>
    </row>
    <row r="313" spans="2:4" x14ac:dyDescent="0.25">
      <c r="B313" s="169" t="s">
        <v>3484</v>
      </c>
      <c r="C313" s="142"/>
      <c r="D313" s="170"/>
    </row>
    <row r="314" spans="2:4" x14ac:dyDescent="0.25">
      <c r="B314" s="169" t="s">
        <v>3485</v>
      </c>
      <c r="C314" s="142"/>
      <c r="D314" s="170"/>
    </row>
    <row r="315" spans="2:4" x14ac:dyDescent="0.25">
      <c r="B315" s="169" t="s">
        <v>3486</v>
      </c>
      <c r="C315" s="142"/>
      <c r="D315" s="170"/>
    </row>
    <row r="316" spans="2:4" x14ac:dyDescent="0.25">
      <c r="B316" s="169" t="s">
        <v>3487</v>
      </c>
      <c r="C316" s="142"/>
      <c r="D316" s="170"/>
    </row>
    <row r="317" spans="2:4" x14ac:dyDescent="0.25">
      <c r="B317" s="169" t="s">
        <v>3488</v>
      </c>
      <c r="C317" s="142"/>
      <c r="D317" s="170"/>
    </row>
    <row r="318" spans="2:4" x14ac:dyDescent="0.25">
      <c r="B318" s="169" t="s">
        <v>3489</v>
      </c>
      <c r="C318" s="142"/>
      <c r="D318" s="170"/>
    </row>
    <row r="319" spans="2:4" x14ac:dyDescent="0.25">
      <c r="B319" s="169" t="s">
        <v>3490</v>
      </c>
      <c r="C319" s="142"/>
      <c r="D319" s="170"/>
    </row>
    <row r="320" spans="2:4" x14ac:dyDescent="0.25">
      <c r="B320" s="169" t="s">
        <v>3491</v>
      </c>
      <c r="C320" s="142"/>
      <c r="D320" s="170"/>
    </row>
    <row r="321" spans="2:4" x14ac:dyDescent="0.25">
      <c r="B321" s="169" t="s">
        <v>3492</v>
      </c>
      <c r="C321" s="142"/>
      <c r="D321" s="170"/>
    </row>
    <row r="322" spans="2:4" x14ac:dyDescent="0.25">
      <c r="B322" s="169" t="s">
        <v>3493</v>
      </c>
      <c r="C322" s="142"/>
      <c r="D322" s="170"/>
    </row>
    <row r="323" spans="2:4" x14ac:dyDescent="0.25">
      <c r="B323" s="169" t="s">
        <v>3494</v>
      </c>
      <c r="C323" s="142"/>
      <c r="D323" s="170"/>
    </row>
    <row r="324" spans="2:4" x14ac:dyDescent="0.25">
      <c r="B324" s="169" t="s">
        <v>3495</v>
      </c>
      <c r="C324" s="142"/>
      <c r="D324" s="170"/>
    </row>
    <row r="325" spans="2:4" x14ac:dyDescent="0.25">
      <c r="B325" s="169" t="s">
        <v>3496</v>
      </c>
      <c r="C325" s="142"/>
      <c r="D325" s="170"/>
    </row>
    <row r="326" spans="2:4" x14ac:dyDescent="0.25">
      <c r="B326" s="169" t="s">
        <v>3497</v>
      </c>
      <c r="C326" s="142"/>
      <c r="D326" s="170"/>
    </row>
    <row r="327" spans="2:4" x14ac:dyDescent="0.25">
      <c r="B327" s="169" t="s">
        <v>3498</v>
      </c>
      <c r="C327" s="142"/>
      <c r="D327" s="170"/>
    </row>
    <row r="328" spans="2:4" x14ac:dyDescent="0.25">
      <c r="B328" s="169" t="s">
        <v>3499</v>
      </c>
      <c r="C328" s="142"/>
      <c r="D328" s="170"/>
    </row>
    <row r="329" spans="2:4" x14ac:dyDescent="0.25">
      <c r="B329" s="169" t="s">
        <v>3500</v>
      </c>
      <c r="C329" s="142"/>
      <c r="D329" s="170"/>
    </row>
    <row r="330" spans="2:4" x14ac:dyDescent="0.25">
      <c r="B330" s="169" t="s">
        <v>3501</v>
      </c>
      <c r="C330" s="142"/>
      <c r="D330" s="170"/>
    </row>
    <row r="331" spans="2:4" x14ac:dyDescent="0.25">
      <c r="B331" s="169" t="s">
        <v>3502</v>
      </c>
      <c r="C331" s="142"/>
      <c r="D331" s="170"/>
    </row>
    <row r="332" spans="2:4" x14ac:dyDescent="0.25">
      <c r="B332" s="169" t="s">
        <v>3503</v>
      </c>
      <c r="C332" s="142"/>
      <c r="D332" s="170"/>
    </row>
    <row r="333" spans="2:4" x14ac:dyDescent="0.25">
      <c r="B333" s="169" t="s">
        <v>3504</v>
      </c>
      <c r="C333" s="142"/>
      <c r="D333" s="170"/>
    </row>
    <row r="334" spans="2:4" x14ac:dyDescent="0.25">
      <c r="B334" s="169" t="s">
        <v>3505</v>
      </c>
      <c r="C334" s="142"/>
      <c r="D334" s="170"/>
    </row>
    <row r="335" spans="2:4" x14ac:dyDescent="0.25">
      <c r="B335" s="169" t="s">
        <v>3506</v>
      </c>
      <c r="C335" s="142"/>
      <c r="D335" s="170"/>
    </row>
    <row r="336" spans="2:4" x14ac:dyDescent="0.25">
      <c r="B336" s="169" t="s">
        <v>3507</v>
      </c>
      <c r="C336" s="142"/>
      <c r="D336" s="170"/>
    </row>
    <row r="337" spans="2:4" x14ac:dyDescent="0.25">
      <c r="B337" s="169" t="s">
        <v>3508</v>
      </c>
      <c r="C337" s="142"/>
      <c r="D337" s="170"/>
    </row>
    <row r="338" spans="2:4" x14ac:dyDescent="0.25">
      <c r="B338" s="169" t="s">
        <v>3509</v>
      </c>
      <c r="C338" s="142"/>
      <c r="D338" s="170"/>
    </row>
    <row r="339" spans="2:4" x14ac:dyDescent="0.25">
      <c r="B339" s="169" t="s">
        <v>3510</v>
      </c>
      <c r="C339" s="142"/>
      <c r="D339" s="170"/>
    </row>
    <row r="340" spans="2:4" x14ac:dyDescent="0.25">
      <c r="B340" s="169" t="s">
        <v>3511</v>
      </c>
      <c r="C340" s="142"/>
      <c r="D340" s="170"/>
    </row>
    <row r="341" spans="2:4" x14ac:dyDescent="0.25">
      <c r="B341" s="169" t="s">
        <v>3512</v>
      </c>
      <c r="C341" s="142"/>
      <c r="D341" s="170"/>
    </row>
    <row r="342" spans="2:4" x14ac:dyDescent="0.25">
      <c r="B342" s="169" t="s">
        <v>3513</v>
      </c>
      <c r="C342" s="142"/>
      <c r="D342" s="170"/>
    </row>
    <row r="343" spans="2:4" x14ac:dyDescent="0.25">
      <c r="B343" s="169" t="s">
        <v>3514</v>
      </c>
      <c r="C343" s="142"/>
      <c r="D343" s="170"/>
    </row>
    <row r="344" spans="2:4" x14ac:dyDescent="0.25">
      <c r="B344" s="169" t="s">
        <v>3515</v>
      </c>
      <c r="C344" s="142"/>
      <c r="D344" s="170"/>
    </row>
    <row r="345" spans="2:4" x14ac:dyDescent="0.25">
      <c r="B345" s="169" t="s">
        <v>3516</v>
      </c>
      <c r="C345" s="142"/>
      <c r="D345" s="170"/>
    </row>
    <row r="346" spans="2:4" x14ac:dyDescent="0.25">
      <c r="B346" s="169" t="s">
        <v>3517</v>
      </c>
      <c r="C346" s="142"/>
      <c r="D346" s="170"/>
    </row>
    <row r="347" spans="2:4" x14ac:dyDescent="0.25">
      <c r="B347" s="169" t="s">
        <v>3518</v>
      </c>
      <c r="C347" s="142"/>
      <c r="D347" s="170"/>
    </row>
    <row r="348" spans="2:4" x14ac:dyDescent="0.25">
      <c r="B348" s="169" t="s">
        <v>3519</v>
      </c>
      <c r="C348" s="142"/>
      <c r="D348" s="170"/>
    </row>
    <row r="349" spans="2:4" x14ac:dyDescent="0.25">
      <c r="B349" s="169" t="s">
        <v>3520</v>
      </c>
      <c r="C349" s="142"/>
      <c r="D349" s="170"/>
    </row>
    <row r="350" spans="2:4" x14ac:dyDescent="0.25">
      <c r="B350" s="169" t="s">
        <v>3521</v>
      </c>
      <c r="C350" s="142"/>
      <c r="D350" s="170"/>
    </row>
    <row r="351" spans="2:4" x14ac:dyDescent="0.25">
      <c r="B351" s="169" t="s">
        <v>3522</v>
      </c>
      <c r="C351" s="142"/>
      <c r="D351" s="170"/>
    </row>
    <row r="352" spans="2:4" x14ac:dyDescent="0.25">
      <c r="B352" s="169" t="s">
        <v>3523</v>
      </c>
      <c r="C352" s="142"/>
      <c r="D352" s="170"/>
    </row>
    <row r="353" spans="2:4" x14ac:dyDescent="0.25">
      <c r="B353" s="169" t="s">
        <v>3524</v>
      </c>
      <c r="C353" s="142"/>
      <c r="D353" s="170"/>
    </row>
    <row r="354" spans="2:4" x14ac:dyDescent="0.25">
      <c r="B354" s="169" t="s">
        <v>3525</v>
      </c>
      <c r="C354" s="142"/>
      <c r="D354" s="170"/>
    </row>
    <row r="355" spans="2:4" x14ac:dyDescent="0.25">
      <c r="B355" s="169" t="s">
        <v>3526</v>
      </c>
      <c r="C355" s="142"/>
      <c r="D355" s="170"/>
    </row>
    <row r="356" spans="2:4" x14ac:dyDescent="0.25">
      <c r="B356" s="169" t="s">
        <v>3527</v>
      </c>
      <c r="C356" s="142"/>
      <c r="D356" s="170"/>
    </row>
    <row r="357" spans="2:4" x14ac:dyDescent="0.25">
      <c r="B357" s="169" t="s">
        <v>3528</v>
      </c>
      <c r="C357" s="142"/>
      <c r="D357" s="170"/>
    </row>
    <row r="358" spans="2:4" x14ac:dyDescent="0.25">
      <c r="B358" s="169" t="s">
        <v>3529</v>
      </c>
      <c r="C358" s="142"/>
      <c r="D358" s="170"/>
    </row>
    <row r="359" spans="2:4" x14ac:dyDescent="0.25">
      <c r="B359" s="169" t="s">
        <v>3530</v>
      </c>
      <c r="C359" s="142"/>
      <c r="D359" s="170"/>
    </row>
    <row r="360" spans="2:4" x14ac:dyDescent="0.25">
      <c r="B360" s="169" t="s">
        <v>3531</v>
      </c>
      <c r="C360" s="142"/>
      <c r="D360" s="170"/>
    </row>
    <row r="361" spans="2:4" x14ac:dyDescent="0.25">
      <c r="B361" s="169" t="s">
        <v>3532</v>
      </c>
      <c r="C361" s="142"/>
      <c r="D361" s="170"/>
    </row>
    <row r="362" spans="2:4" x14ac:dyDescent="0.25">
      <c r="B362" s="169" t="s">
        <v>3533</v>
      </c>
      <c r="C362" s="142"/>
      <c r="D362" s="170"/>
    </row>
    <row r="363" spans="2:4" x14ac:dyDescent="0.25">
      <c r="B363" s="169" t="s">
        <v>3534</v>
      </c>
      <c r="C363" s="142"/>
      <c r="D363" s="170"/>
    </row>
    <row r="364" spans="2:4" x14ac:dyDescent="0.25">
      <c r="B364" s="169" t="s">
        <v>3535</v>
      </c>
      <c r="C364" s="142"/>
      <c r="D364" s="170"/>
    </row>
    <row r="365" spans="2:4" x14ac:dyDescent="0.25">
      <c r="B365" s="169" t="s">
        <v>3536</v>
      </c>
      <c r="C365" s="142"/>
      <c r="D365" s="170"/>
    </row>
    <row r="366" spans="2:4" x14ac:dyDescent="0.25">
      <c r="B366" s="169" t="s">
        <v>3537</v>
      </c>
      <c r="C366" s="142"/>
      <c r="D366" s="170"/>
    </row>
    <row r="367" spans="2:4" x14ac:dyDescent="0.25">
      <c r="B367" s="169" t="s">
        <v>3538</v>
      </c>
      <c r="C367" s="142"/>
      <c r="D367" s="170"/>
    </row>
    <row r="368" spans="2:4" x14ac:dyDescent="0.25">
      <c r="B368" s="169" t="s">
        <v>3539</v>
      </c>
      <c r="C368" s="142"/>
      <c r="D368" s="170"/>
    </row>
    <row r="369" spans="2:4" x14ac:dyDescent="0.25">
      <c r="B369" s="169" t="s">
        <v>3540</v>
      </c>
      <c r="C369" s="142"/>
      <c r="D369" s="170"/>
    </row>
    <row r="370" spans="2:4" x14ac:dyDescent="0.25">
      <c r="B370" s="169" t="s">
        <v>3541</v>
      </c>
      <c r="C370" s="142"/>
      <c r="D370" s="170"/>
    </row>
    <row r="371" spans="2:4" x14ac:dyDescent="0.25">
      <c r="B371" s="169" t="s">
        <v>3542</v>
      </c>
      <c r="C371" s="142"/>
      <c r="D371" s="170"/>
    </row>
    <row r="372" spans="2:4" x14ac:dyDescent="0.25">
      <c r="B372" s="169" t="s">
        <v>3543</v>
      </c>
      <c r="C372" s="142"/>
      <c r="D372" s="170"/>
    </row>
    <row r="373" spans="2:4" x14ac:dyDescent="0.25">
      <c r="B373" s="169" t="s">
        <v>3544</v>
      </c>
      <c r="C373" s="142"/>
      <c r="D373" s="170"/>
    </row>
    <row r="374" spans="2:4" x14ac:dyDescent="0.25">
      <c r="B374" s="169" t="s">
        <v>3545</v>
      </c>
      <c r="C374" s="142"/>
      <c r="D374" s="170"/>
    </row>
    <row r="375" spans="2:4" x14ac:dyDescent="0.25">
      <c r="B375" s="169" t="s">
        <v>3546</v>
      </c>
      <c r="C375" s="142"/>
      <c r="D375" s="170"/>
    </row>
    <row r="376" spans="2:4" x14ac:dyDescent="0.25">
      <c r="B376" s="169" t="s">
        <v>3547</v>
      </c>
      <c r="C376" s="142"/>
      <c r="D376" s="170"/>
    </row>
    <row r="377" spans="2:4" x14ac:dyDescent="0.25">
      <c r="B377" s="169" t="s">
        <v>3548</v>
      </c>
      <c r="C377" s="142"/>
      <c r="D377" s="170"/>
    </row>
    <row r="378" spans="2:4" x14ac:dyDescent="0.25">
      <c r="B378" s="169" t="s">
        <v>3549</v>
      </c>
      <c r="C378" s="142"/>
      <c r="D378" s="170"/>
    </row>
    <row r="379" spans="2:4" x14ac:dyDescent="0.25">
      <c r="B379" s="169" t="s">
        <v>3550</v>
      </c>
      <c r="C379" s="142"/>
      <c r="D379" s="170"/>
    </row>
    <row r="380" spans="2:4" x14ac:dyDescent="0.25">
      <c r="B380" s="169" t="s">
        <v>3551</v>
      </c>
      <c r="C380" s="142"/>
      <c r="D380" s="170"/>
    </row>
    <row r="381" spans="2:4" x14ac:dyDescent="0.25">
      <c r="B381" s="169" t="s">
        <v>3552</v>
      </c>
      <c r="C381" s="142"/>
      <c r="D381" s="170"/>
    </row>
    <row r="382" spans="2:4" x14ac:dyDescent="0.25">
      <c r="B382" s="169" t="s">
        <v>3553</v>
      </c>
      <c r="C382" s="142"/>
      <c r="D382" s="170"/>
    </row>
    <row r="383" spans="2:4" x14ac:dyDescent="0.25">
      <c r="B383" s="169" t="s">
        <v>3554</v>
      </c>
      <c r="C383" s="142"/>
      <c r="D383" s="170"/>
    </row>
    <row r="384" spans="2:4" x14ac:dyDescent="0.25">
      <c r="B384" s="169" t="s">
        <v>3555</v>
      </c>
      <c r="C384" s="142"/>
      <c r="D384" s="170"/>
    </row>
    <row r="385" spans="2:4" x14ac:dyDescent="0.25">
      <c r="B385" s="169" t="s">
        <v>3556</v>
      </c>
      <c r="C385" s="142"/>
      <c r="D385" s="170"/>
    </row>
    <row r="386" spans="2:4" x14ac:dyDescent="0.25">
      <c r="B386" s="169" t="s">
        <v>3557</v>
      </c>
      <c r="C386" s="142"/>
      <c r="D386" s="170"/>
    </row>
    <row r="387" spans="2:4" x14ac:dyDescent="0.25">
      <c r="B387" s="169" t="s">
        <v>3558</v>
      </c>
      <c r="C387" s="142"/>
      <c r="D387" s="170"/>
    </row>
    <row r="388" spans="2:4" x14ac:dyDescent="0.25">
      <c r="B388" s="169" t="s">
        <v>3559</v>
      </c>
      <c r="C388" s="142"/>
      <c r="D388" s="170"/>
    </row>
    <row r="389" spans="2:4" x14ac:dyDescent="0.25">
      <c r="B389" s="169" t="s">
        <v>3560</v>
      </c>
      <c r="C389" s="142"/>
      <c r="D389" s="170"/>
    </row>
    <row r="390" spans="2:4" x14ac:dyDescent="0.25">
      <c r="B390" s="169" t="s">
        <v>3561</v>
      </c>
      <c r="C390" s="142"/>
      <c r="D390" s="170"/>
    </row>
    <row r="391" spans="2:4" x14ac:dyDescent="0.25">
      <c r="B391" s="169" t="s">
        <v>3562</v>
      </c>
      <c r="C391" s="142"/>
      <c r="D391" s="170"/>
    </row>
    <row r="392" spans="2:4" x14ac:dyDescent="0.25">
      <c r="B392" s="169" t="s">
        <v>3563</v>
      </c>
      <c r="C392" s="142"/>
      <c r="D392" s="170"/>
    </row>
    <row r="393" spans="2:4" x14ac:dyDescent="0.25">
      <c r="B393" s="169" t="s">
        <v>3564</v>
      </c>
      <c r="C393" s="142"/>
      <c r="D393" s="170"/>
    </row>
    <row r="394" spans="2:4" x14ac:dyDescent="0.25">
      <c r="B394" s="169" t="s">
        <v>3565</v>
      </c>
      <c r="C394" s="142"/>
      <c r="D394" s="170"/>
    </row>
    <row r="395" spans="2:4" x14ac:dyDescent="0.25">
      <c r="B395" s="169" t="s">
        <v>3566</v>
      </c>
      <c r="C395" s="142"/>
      <c r="D395" s="170"/>
    </row>
    <row r="396" spans="2:4" x14ac:dyDescent="0.25">
      <c r="B396" s="169" t="s">
        <v>3567</v>
      </c>
      <c r="C396" s="142"/>
      <c r="D396" s="170"/>
    </row>
    <row r="397" spans="2:4" x14ac:dyDescent="0.25">
      <c r="B397" s="169" t="s">
        <v>3568</v>
      </c>
      <c r="C397" s="142"/>
      <c r="D397" s="170"/>
    </row>
    <row r="398" spans="2:4" x14ac:dyDescent="0.25">
      <c r="B398" s="169" t="s">
        <v>3569</v>
      </c>
      <c r="C398" s="142"/>
      <c r="D398" s="170"/>
    </row>
    <row r="399" spans="2:4" x14ac:dyDescent="0.25">
      <c r="B399" s="169" t="s">
        <v>3570</v>
      </c>
      <c r="C399" s="142"/>
      <c r="D399" s="170"/>
    </row>
    <row r="400" spans="2:4" x14ac:dyDescent="0.25">
      <c r="B400" s="169" t="s">
        <v>3571</v>
      </c>
      <c r="C400" s="142"/>
      <c r="D400" s="170"/>
    </row>
    <row r="401" spans="2:4" x14ac:dyDescent="0.25">
      <c r="B401" s="169" t="s">
        <v>3572</v>
      </c>
      <c r="C401" s="142"/>
      <c r="D401" s="170"/>
    </row>
    <row r="402" spans="2:4" x14ac:dyDescent="0.25">
      <c r="B402" s="169" t="s">
        <v>3573</v>
      </c>
      <c r="C402" s="142"/>
      <c r="D402" s="170"/>
    </row>
    <row r="403" spans="2:4" x14ac:dyDescent="0.25">
      <c r="B403" s="169" t="s">
        <v>3574</v>
      </c>
      <c r="C403" s="142"/>
      <c r="D403" s="170"/>
    </row>
    <row r="404" spans="2:4" x14ac:dyDescent="0.25">
      <c r="B404" s="169" t="s">
        <v>3575</v>
      </c>
      <c r="C404" s="142"/>
      <c r="D404" s="170"/>
    </row>
    <row r="405" spans="2:4" x14ac:dyDescent="0.25">
      <c r="B405" s="169" t="s">
        <v>3576</v>
      </c>
      <c r="C405" s="142"/>
      <c r="D405" s="170"/>
    </row>
    <row r="406" spans="2:4" x14ac:dyDescent="0.25">
      <c r="B406" s="169" t="s">
        <v>3577</v>
      </c>
      <c r="C406" s="142"/>
      <c r="D406" s="170"/>
    </row>
    <row r="407" spans="2:4" x14ac:dyDescent="0.25">
      <c r="B407" s="169" t="s">
        <v>3578</v>
      </c>
      <c r="C407" s="142"/>
      <c r="D407" s="170"/>
    </row>
    <row r="408" spans="2:4" x14ac:dyDescent="0.25">
      <c r="B408" s="169" t="s">
        <v>3579</v>
      </c>
      <c r="C408" s="142"/>
      <c r="D408" s="170"/>
    </row>
    <row r="409" spans="2:4" x14ac:dyDescent="0.25">
      <c r="B409" s="169" t="s">
        <v>3580</v>
      </c>
      <c r="C409" s="142"/>
      <c r="D409" s="170"/>
    </row>
    <row r="410" spans="2:4" x14ac:dyDescent="0.25">
      <c r="B410" s="169" t="s">
        <v>3581</v>
      </c>
      <c r="C410" s="142"/>
      <c r="D410" s="170"/>
    </row>
    <row r="411" spans="2:4" x14ac:dyDescent="0.25">
      <c r="B411" s="169" t="s">
        <v>3582</v>
      </c>
      <c r="C411" s="142"/>
      <c r="D411" s="170"/>
    </row>
    <row r="412" spans="2:4" x14ac:dyDescent="0.25">
      <c r="B412" s="169" t="s">
        <v>3583</v>
      </c>
      <c r="C412" s="142"/>
      <c r="D412" s="170"/>
    </row>
    <row r="413" spans="2:4" x14ac:dyDescent="0.25">
      <c r="B413" s="169" t="s">
        <v>3584</v>
      </c>
      <c r="C413" s="142"/>
      <c r="D413" s="170"/>
    </row>
    <row r="414" spans="2:4" x14ac:dyDescent="0.25">
      <c r="B414" s="169" t="s">
        <v>3585</v>
      </c>
      <c r="C414" s="142"/>
      <c r="D414" s="170"/>
    </row>
    <row r="415" spans="2:4" x14ac:dyDescent="0.25">
      <c r="B415" s="169" t="s">
        <v>3586</v>
      </c>
      <c r="C415" s="142"/>
      <c r="D415" s="170"/>
    </row>
    <row r="416" spans="2:4" x14ac:dyDescent="0.25">
      <c r="B416" s="169" t="s">
        <v>3587</v>
      </c>
      <c r="C416" s="142"/>
      <c r="D416" s="170"/>
    </row>
    <row r="417" spans="2:4" x14ac:dyDescent="0.25">
      <c r="B417" s="169" t="s">
        <v>3588</v>
      </c>
      <c r="C417" s="142"/>
      <c r="D417" s="170"/>
    </row>
    <row r="418" spans="2:4" x14ac:dyDescent="0.25">
      <c r="B418" s="169" t="s">
        <v>3589</v>
      </c>
      <c r="C418" s="142"/>
      <c r="D418" s="170"/>
    </row>
    <row r="419" spans="2:4" x14ac:dyDescent="0.25">
      <c r="B419" s="169" t="s">
        <v>3590</v>
      </c>
      <c r="C419" s="142"/>
      <c r="D419" s="170"/>
    </row>
    <row r="420" spans="2:4" x14ac:dyDescent="0.25">
      <c r="B420" s="169" t="s">
        <v>3591</v>
      </c>
      <c r="C420" s="142"/>
      <c r="D420" s="170"/>
    </row>
    <row r="421" spans="2:4" x14ac:dyDescent="0.25">
      <c r="B421" s="169" t="s">
        <v>3592</v>
      </c>
      <c r="C421" s="142"/>
      <c r="D421" s="170"/>
    </row>
    <row r="422" spans="2:4" x14ac:dyDescent="0.25">
      <c r="B422" s="169" t="s">
        <v>3593</v>
      </c>
      <c r="C422" s="142"/>
      <c r="D422" s="170"/>
    </row>
    <row r="423" spans="2:4" x14ac:dyDescent="0.25">
      <c r="B423" s="169" t="s">
        <v>3594</v>
      </c>
      <c r="C423" s="142"/>
      <c r="D423" s="170"/>
    </row>
    <row r="424" spans="2:4" x14ac:dyDescent="0.25">
      <c r="B424" s="169" t="s">
        <v>3595</v>
      </c>
      <c r="C424" s="142"/>
      <c r="D424" s="170"/>
    </row>
    <row r="425" spans="2:4" x14ac:dyDescent="0.25">
      <c r="B425" s="169" t="s">
        <v>3596</v>
      </c>
      <c r="C425" s="142"/>
      <c r="D425" s="170"/>
    </row>
    <row r="426" spans="2:4" x14ac:dyDescent="0.25">
      <c r="B426" s="169" t="s">
        <v>3597</v>
      </c>
      <c r="C426" s="142"/>
      <c r="D426" s="170"/>
    </row>
    <row r="427" spans="2:4" x14ac:dyDescent="0.25">
      <c r="B427" s="169" t="s">
        <v>3598</v>
      </c>
      <c r="C427" s="142"/>
      <c r="D427" s="170"/>
    </row>
    <row r="428" spans="2:4" x14ac:dyDescent="0.25">
      <c r="B428" s="169" t="s">
        <v>3599</v>
      </c>
      <c r="C428" s="142"/>
      <c r="D428" s="170"/>
    </row>
    <row r="429" spans="2:4" ht="15.75" thickBot="1" x14ac:dyDescent="0.3">
      <c r="B429" s="155" t="s">
        <v>3600</v>
      </c>
      <c r="C429" s="171"/>
      <c r="D429" s="172"/>
    </row>
    <row r="431" spans="2:4" ht="15.75" thickBot="1" x14ac:dyDescent="0.3"/>
    <row r="432" spans="2:4" ht="15.75" thickBot="1" x14ac:dyDescent="0.3">
      <c r="B432" s="452" t="s">
        <v>3601</v>
      </c>
      <c r="C432" s="453"/>
      <c r="D432" s="471"/>
    </row>
    <row r="433" spans="2:4" x14ac:dyDescent="0.25">
      <c r="B433" s="439" t="s">
        <v>3602</v>
      </c>
      <c r="C433" s="440"/>
      <c r="D433" s="441"/>
    </row>
    <row r="434" spans="2:4" ht="15.75" thickBot="1" x14ac:dyDescent="0.3">
      <c r="B434" s="462"/>
      <c r="C434" s="443"/>
      <c r="D434" s="444"/>
    </row>
    <row r="435" spans="2:4" x14ac:dyDescent="0.25">
      <c r="B435" s="154" t="s">
        <v>3603</v>
      </c>
      <c r="C435" s="167"/>
      <c r="D435" s="168"/>
    </row>
    <row r="436" spans="2:4" x14ac:dyDescent="0.25">
      <c r="B436" s="169" t="s">
        <v>3604</v>
      </c>
      <c r="C436" s="142"/>
      <c r="D436" s="170"/>
    </row>
    <row r="437" spans="2:4" x14ac:dyDescent="0.25">
      <c r="B437" s="169" t="s">
        <v>3605</v>
      </c>
      <c r="C437" s="142"/>
      <c r="D437" s="170"/>
    </row>
    <row r="438" spans="2:4" x14ac:dyDescent="0.25">
      <c r="B438" s="169" t="s">
        <v>3606</v>
      </c>
      <c r="C438" s="142"/>
      <c r="D438" s="170"/>
    </row>
    <row r="439" spans="2:4" x14ac:dyDescent="0.25">
      <c r="B439" s="169" t="s">
        <v>3607</v>
      </c>
      <c r="C439" s="142"/>
      <c r="D439" s="170"/>
    </row>
    <row r="440" spans="2:4" x14ac:dyDescent="0.25">
      <c r="B440" s="169" t="s">
        <v>3608</v>
      </c>
      <c r="C440" s="142"/>
      <c r="D440" s="170"/>
    </row>
    <row r="441" spans="2:4" x14ac:dyDescent="0.25">
      <c r="B441" s="169" t="s">
        <v>3609</v>
      </c>
      <c r="C441" s="142"/>
      <c r="D441" s="170"/>
    </row>
    <row r="442" spans="2:4" x14ac:dyDescent="0.25">
      <c r="B442" s="169" t="s">
        <v>3610</v>
      </c>
      <c r="C442" s="142"/>
      <c r="D442" s="170"/>
    </row>
    <row r="443" spans="2:4" x14ac:dyDescent="0.25">
      <c r="B443" s="169" t="s">
        <v>3611</v>
      </c>
      <c r="C443" s="142"/>
      <c r="D443" s="170"/>
    </row>
    <row r="444" spans="2:4" x14ac:dyDescent="0.25">
      <c r="B444" s="169" t="s">
        <v>3612</v>
      </c>
      <c r="C444" s="142"/>
      <c r="D444" s="170"/>
    </row>
    <row r="445" spans="2:4" x14ac:dyDescent="0.25">
      <c r="B445" s="169" t="s">
        <v>3613</v>
      </c>
      <c r="C445" s="142"/>
      <c r="D445" s="170"/>
    </row>
    <row r="446" spans="2:4" x14ac:dyDescent="0.25">
      <c r="B446" s="169" t="s">
        <v>3614</v>
      </c>
      <c r="C446" s="142"/>
      <c r="D446" s="170"/>
    </row>
    <row r="447" spans="2:4" x14ac:dyDescent="0.25">
      <c r="B447" s="169" t="s">
        <v>3615</v>
      </c>
      <c r="C447" s="142"/>
      <c r="D447" s="170"/>
    </row>
    <row r="448" spans="2:4" x14ac:dyDescent="0.25">
      <c r="B448" s="169" t="s">
        <v>3616</v>
      </c>
      <c r="C448" s="142"/>
      <c r="D448" s="170"/>
    </row>
    <row r="449" spans="2:4" x14ac:dyDescent="0.25">
      <c r="B449" s="169" t="s">
        <v>3617</v>
      </c>
      <c r="C449" s="142"/>
      <c r="D449" s="170"/>
    </row>
    <row r="450" spans="2:4" x14ac:dyDescent="0.25">
      <c r="B450" s="169" t="s">
        <v>3618</v>
      </c>
      <c r="C450" s="142"/>
      <c r="D450" s="170"/>
    </row>
    <row r="451" spans="2:4" x14ac:dyDescent="0.25">
      <c r="B451" s="169" t="s">
        <v>3619</v>
      </c>
      <c r="C451" s="142"/>
      <c r="D451" s="170"/>
    </row>
    <row r="452" spans="2:4" x14ac:dyDescent="0.25">
      <c r="B452" s="169" t="s">
        <v>1120</v>
      </c>
      <c r="C452" s="142"/>
      <c r="D452" s="170"/>
    </row>
    <row r="453" spans="2:4" x14ac:dyDescent="0.25">
      <c r="B453" s="169" t="s">
        <v>3620</v>
      </c>
      <c r="C453" s="142"/>
      <c r="D453" s="170"/>
    </row>
    <row r="454" spans="2:4" x14ac:dyDescent="0.25">
      <c r="B454" s="169" t="s">
        <v>1108</v>
      </c>
      <c r="C454" s="142"/>
      <c r="D454" s="170"/>
    </row>
    <row r="455" spans="2:4" x14ac:dyDescent="0.25">
      <c r="B455" s="169" t="s">
        <v>3621</v>
      </c>
      <c r="C455" s="142"/>
      <c r="D455" s="170"/>
    </row>
    <row r="456" spans="2:4" x14ac:dyDescent="0.25">
      <c r="B456" s="169" t="s">
        <v>3622</v>
      </c>
      <c r="C456" s="142"/>
      <c r="D456" s="170"/>
    </row>
    <row r="457" spans="2:4" x14ac:dyDescent="0.25">
      <c r="B457" s="169" t="s">
        <v>3623</v>
      </c>
      <c r="C457" s="142"/>
      <c r="D457" s="170"/>
    </row>
    <row r="458" spans="2:4" x14ac:dyDescent="0.25">
      <c r="B458" s="169" t="s">
        <v>3624</v>
      </c>
      <c r="C458" s="142"/>
      <c r="D458" s="170"/>
    </row>
    <row r="459" spans="2:4" x14ac:dyDescent="0.25">
      <c r="B459" s="169" t="s">
        <v>3625</v>
      </c>
      <c r="C459" s="142"/>
      <c r="D459" s="170"/>
    </row>
    <row r="460" spans="2:4" x14ac:dyDescent="0.25">
      <c r="B460" s="169" t="s">
        <v>3626</v>
      </c>
      <c r="C460" s="142"/>
      <c r="D460" s="170"/>
    </row>
    <row r="461" spans="2:4" x14ac:dyDescent="0.25">
      <c r="B461" s="169" t="s">
        <v>3627</v>
      </c>
      <c r="C461" s="142"/>
      <c r="D461" s="170"/>
    </row>
    <row r="462" spans="2:4" x14ac:dyDescent="0.25">
      <c r="B462" s="169" t="s">
        <v>3628</v>
      </c>
      <c r="C462" s="142"/>
      <c r="D462" s="170"/>
    </row>
    <row r="463" spans="2:4" x14ac:dyDescent="0.25">
      <c r="B463" s="169" t="s">
        <v>3629</v>
      </c>
      <c r="C463" s="142"/>
      <c r="D463" s="170"/>
    </row>
    <row r="464" spans="2:4" x14ac:dyDescent="0.25">
      <c r="B464" s="169" t="s">
        <v>3630</v>
      </c>
      <c r="C464" s="142"/>
      <c r="D464" s="170"/>
    </row>
    <row r="465" spans="2:4" x14ac:dyDescent="0.25">
      <c r="B465" s="169" t="s">
        <v>3631</v>
      </c>
      <c r="C465" s="142"/>
      <c r="D465" s="170"/>
    </row>
    <row r="466" spans="2:4" x14ac:dyDescent="0.25">
      <c r="B466" s="169" t="s">
        <v>3632</v>
      </c>
      <c r="C466" s="142"/>
      <c r="D466" s="170"/>
    </row>
    <row r="467" spans="2:4" x14ac:dyDescent="0.25">
      <c r="B467" s="169" t="s">
        <v>3633</v>
      </c>
      <c r="C467" s="142"/>
      <c r="D467" s="170"/>
    </row>
    <row r="468" spans="2:4" x14ac:dyDescent="0.25">
      <c r="B468" s="169" t="s">
        <v>3634</v>
      </c>
      <c r="C468" s="142"/>
      <c r="D468" s="170"/>
    </row>
    <row r="469" spans="2:4" x14ac:dyDescent="0.25">
      <c r="B469" s="169" t="s">
        <v>3635</v>
      </c>
      <c r="C469" s="142"/>
      <c r="D469" s="170"/>
    </row>
    <row r="470" spans="2:4" x14ac:dyDescent="0.25">
      <c r="B470" s="169" t="s">
        <v>3636</v>
      </c>
      <c r="C470" s="142"/>
      <c r="D470" s="170"/>
    </row>
    <row r="471" spans="2:4" x14ac:dyDescent="0.25">
      <c r="B471" s="169" t="s">
        <v>3637</v>
      </c>
      <c r="C471" s="142"/>
      <c r="D471" s="170"/>
    </row>
    <row r="472" spans="2:4" x14ac:dyDescent="0.25">
      <c r="B472" s="169" t="s">
        <v>3638</v>
      </c>
      <c r="C472" s="142"/>
      <c r="D472" s="170"/>
    </row>
    <row r="473" spans="2:4" x14ac:dyDescent="0.25">
      <c r="B473" s="169" t="s">
        <v>3639</v>
      </c>
      <c r="C473" s="142"/>
      <c r="D473" s="170"/>
    </row>
    <row r="474" spans="2:4" x14ac:dyDescent="0.25">
      <c r="B474" s="169" t="s">
        <v>3640</v>
      </c>
      <c r="C474" s="142"/>
      <c r="D474" s="170"/>
    </row>
    <row r="475" spans="2:4" x14ac:dyDescent="0.25">
      <c r="B475" s="169" t="s">
        <v>3641</v>
      </c>
      <c r="C475" s="142"/>
      <c r="D475" s="170"/>
    </row>
    <row r="476" spans="2:4" x14ac:dyDescent="0.25">
      <c r="B476" s="169" t="s">
        <v>3642</v>
      </c>
      <c r="C476" s="142"/>
      <c r="D476" s="170"/>
    </row>
    <row r="477" spans="2:4" x14ac:dyDescent="0.25">
      <c r="B477" s="169" t="s">
        <v>3643</v>
      </c>
      <c r="C477" s="142"/>
      <c r="D477" s="170"/>
    </row>
    <row r="478" spans="2:4" x14ac:dyDescent="0.25">
      <c r="B478" s="169" t="s">
        <v>3644</v>
      </c>
      <c r="C478" s="142"/>
      <c r="D478" s="170"/>
    </row>
    <row r="479" spans="2:4" x14ac:dyDescent="0.25">
      <c r="B479" s="169" t="s">
        <v>3645</v>
      </c>
      <c r="C479" s="142"/>
      <c r="D479" s="170"/>
    </row>
    <row r="480" spans="2:4" x14ac:dyDescent="0.25">
      <c r="B480" s="169" t="s">
        <v>3646</v>
      </c>
      <c r="C480" s="142"/>
      <c r="D480" s="170"/>
    </row>
    <row r="481" spans="2:4" x14ac:dyDescent="0.25">
      <c r="B481" s="169" t="s">
        <v>3647</v>
      </c>
      <c r="C481" s="142"/>
      <c r="D481" s="170"/>
    </row>
    <row r="482" spans="2:4" x14ac:dyDescent="0.25">
      <c r="B482" s="169" t="s">
        <v>3648</v>
      </c>
      <c r="C482" s="142"/>
      <c r="D482" s="170"/>
    </row>
    <row r="483" spans="2:4" x14ac:dyDescent="0.25">
      <c r="B483" s="169" t="s">
        <v>3649</v>
      </c>
      <c r="C483" s="142"/>
      <c r="D483" s="170"/>
    </row>
    <row r="484" spans="2:4" x14ac:dyDescent="0.25">
      <c r="B484" s="169" t="s">
        <v>3650</v>
      </c>
      <c r="C484" s="142"/>
      <c r="D484" s="170"/>
    </row>
    <row r="485" spans="2:4" x14ac:dyDescent="0.25">
      <c r="B485" s="169" t="s">
        <v>3651</v>
      </c>
      <c r="C485" s="142"/>
      <c r="D485" s="170"/>
    </row>
    <row r="486" spans="2:4" x14ac:dyDescent="0.25">
      <c r="B486" s="169" t="s">
        <v>3652</v>
      </c>
      <c r="C486" s="142"/>
      <c r="D486" s="170"/>
    </row>
    <row r="487" spans="2:4" x14ac:dyDescent="0.25">
      <c r="B487" s="169" t="s">
        <v>3653</v>
      </c>
      <c r="C487" s="142"/>
      <c r="D487" s="170"/>
    </row>
    <row r="488" spans="2:4" x14ac:dyDescent="0.25">
      <c r="B488" s="169" t="s">
        <v>3654</v>
      </c>
      <c r="C488" s="142"/>
      <c r="D488" s="170"/>
    </row>
    <row r="489" spans="2:4" x14ac:dyDescent="0.25">
      <c r="B489" s="169" t="s">
        <v>3655</v>
      </c>
      <c r="C489" s="142"/>
      <c r="D489" s="170"/>
    </row>
    <row r="490" spans="2:4" x14ac:dyDescent="0.25">
      <c r="B490" s="169" t="s">
        <v>3656</v>
      </c>
      <c r="C490" s="142"/>
      <c r="D490" s="170"/>
    </row>
    <row r="491" spans="2:4" x14ac:dyDescent="0.25">
      <c r="B491" s="169" t="s">
        <v>3657</v>
      </c>
      <c r="C491" s="142"/>
      <c r="D491" s="170"/>
    </row>
    <row r="492" spans="2:4" x14ac:dyDescent="0.25">
      <c r="B492" s="169" t="s">
        <v>3658</v>
      </c>
      <c r="C492" s="142"/>
      <c r="D492" s="170"/>
    </row>
    <row r="493" spans="2:4" x14ac:dyDescent="0.25">
      <c r="B493" s="169" t="s">
        <v>3659</v>
      </c>
      <c r="C493" s="142"/>
      <c r="D493" s="170"/>
    </row>
    <row r="494" spans="2:4" x14ac:dyDescent="0.25">
      <c r="B494" s="169" t="s">
        <v>3660</v>
      </c>
      <c r="C494" s="142"/>
      <c r="D494" s="170"/>
    </row>
    <row r="495" spans="2:4" x14ac:dyDescent="0.25">
      <c r="B495" s="169" t="s">
        <v>3661</v>
      </c>
      <c r="C495" s="142"/>
      <c r="D495" s="170"/>
    </row>
    <row r="496" spans="2:4" x14ac:dyDescent="0.25">
      <c r="B496" s="169" t="s">
        <v>3662</v>
      </c>
      <c r="C496" s="142"/>
      <c r="D496" s="170"/>
    </row>
    <row r="497" spans="2:4" x14ac:dyDescent="0.25">
      <c r="B497" s="169" t="s">
        <v>3663</v>
      </c>
      <c r="C497" s="142"/>
      <c r="D497" s="170"/>
    </row>
    <row r="499" spans="2:4" ht="15.75" thickBot="1" x14ac:dyDescent="0.3"/>
    <row r="500" spans="2:4" ht="15.75" thickBot="1" x14ac:dyDescent="0.3">
      <c r="B500" s="452" t="s">
        <v>3664</v>
      </c>
      <c r="C500" s="453"/>
      <c r="D500" s="471"/>
    </row>
    <row r="501" spans="2:4" x14ac:dyDescent="0.25">
      <c r="B501" s="439" t="s">
        <v>3665</v>
      </c>
      <c r="C501" s="440"/>
      <c r="D501" s="441"/>
    </row>
    <row r="502" spans="2:4" ht="15.75" thickBot="1" x14ac:dyDescent="0.3">
      <c r="B502" s="462"/>
      <c r="C502" s="443"/>
      <c r="D502" s="444"/>
    </row>
    <row r="503" spans="2:4" x14ac:dyDescent="0.25">
      <c r="B503" s="154" t="s">
        <v>3666</v>
      </c>
      <c r="C503" s="167"/>
      <c r="D503" s="168"/>
    </row>
    <row r="504" spans="2:4" x14ac:dyDescent="0.25">
      <c r="B504" s="169" t="s">
        <v>3667</v>
      </c>
      <c r="C504" s="142"/>
      <c r="D504" s="170"/>
    </row>
    <row r="505" spans="2:4" x14ac:dyDescent="0.25">
      <c r="B505" s="169" t="s">
        <v>3668</v>
      </c>
      <c r="C505" s="142"/>
      <c r="D505" s="170"/>
    </row>
    <row r="506" spans="2:4" x14ac:dyDescent="0.25">
      <c r="B506" s="169" t="s">
        <v>3669</v>
      </c>
      <c r="C506" s="142"/>
      <c r="D506" s="170"/>
    </row>
    <row r="507" spans="2:4" x14ac:dyDescent="0.25">
      <c r="B507" s="169" t="s">
        <v>3670</v>
      </c>
      <c r="C507" s="142"/>
      <c r="D507" s="170"/>
    </row>
    <row r="508" spans="2:4" x14ac:dyDescent="0.25">
      <c r="B508" s="169" t="s">
        <v>3671</v>
      </c>
      <c r="C508" s="142"/>
      <c r="D508" s="170"/>
    </row>
    <row r="509" spans="2:4" x14ac:dyDescent="0.25">
      <c r="B509" s="169" t="s">
        <v>3672</v>
      </c>
      <c r="C509" s="142"/>
      <c r="D509" s="170"/>
    </row>
    <row r="510" spans="2:4" x14ac:dyDescent="0.25">
      <c r="B510" s="169" t="s">
        <v>3673</v>
      </c>
      <c r="C510" s="142"/>
      <c r="D510" s="170"/>
    </row>
    <row r="511" spans="2:4" x14ac:dyDescent="0.25">
      <c r="B511" s="169" t="s">
        <v>3674</v>
      </c>
      <c r="C511" s="142"/>
      <c r="D511" s="170"/>
    </row>
    <row r="512" spans="2:4" x14ac:dyDescent="0.25">
      <c r="B512" s="169" t="s">
        <v>3675</v>
      </c>
      <c r="C512" s="142"/>
      <c r="D512" s="170"/>
    </row>
    <row r="513" spans="2:4" x14ac:dyDescent="0.25">
      <c r="B513" s="169" t="s">
        <v>3676</v>
      </c>
      <c r="C513" s="142"/>
      <c r="D513" s="170"/>
    </row>
    <row r="514" spans="2:4" x14ac:dyDescent="0.25">
      <c r="B514" s="169" t="s">
        <v>3677</v>
      </c>
      <c r="C514" s="142"/>
      <c r="D514" s="170"/>
    </row>
    <row r="515" spans="2:4" x14ac:dyDescent="0.25">
      <c r="B515" s="169" t="s">
        <v>3678</v>
      </c>
      <c r="C515" s="142"/>
      <c r="D515" s="170"/>
    </row>
    <row r="516" spans="2:4" x14ac:dyDescent="0.25">
      <c r="B516" s="169" t="s">
        <v>3679</v>
      </c>
      <c r="C516" s="142"/>
      <c r="D516" s="170"/>
    </row>
    <row r="517" spans="2:4" x14ac:dyDescent="0.25">
      <c r="B517" s="169" t="s">
        <v>3680</v>
      </c>
      <c r="C517" s="142"/>
      <c r="D517" s="170"/>
    </row>
    <row r="519" spans="2:4" ht="15.75" thickBot="1" x14ac:dyDescent="0.3"/>
    <row r="520" spans="2:4" ht="15.75" thickBot="1" x14ac:dyDescent="0.3">
      <c r="B520" s="452" t="s">
        <v>3681</v>
      </c>
      <c r="C520" s="453"/>
      <c r="D520" s="471"/>
    </row>
    <row r="521" spans="2:4" x14ac:dyDescent="0.25">
      <c r="B521" s="439" t="s">
        <v>3682</v>
      </c>
      <c r="C521" s="440"/>
      <c r="D521" s="441"/>
    </row>
    <row r="522" spans="2:4" ht="15.75" thickBot="1" x14ac:dyDescent="0.3">
      <c r="B522" s="462"/>
      <c r="C522" s="443"/>
      <c r="D522" s="444"/>
    </row>
    <row r="523" spans="2:4" x14ac:dyDescent="0.25">
      <c r="B523" s="154" t="s">
        <v>3683</v>
      </c>
      <c r="C523" s="167"/>
      <c r="D523" s="168"/>
    </row>
    <row r="524" spans="2:4" x14ac:dyDescent="0.25">
      <c r="B524" s="169" t="s">
        <v>3684</v>
      </c>
      <c r="C524" s="142"/>
      <c r="D524" s="170"/>
    </row>
    <row r="525" spans="2:4" x14ac:dyDescent="0.25">
      <c r="B525" s="169" t="s">
        <v>3685</v>
      </c>
      <c r="C525" s="142"/>
      <c r="D525" s="170"/>
    </row>
    <row r="526" spans="2:4" x14ac:dyDescent="0.25">
      <c r="B526" s="169" t="s">
        <v>3686</v>
      </c>
      <c r="C526" s="142"/>
      <c r="D526" s="170"/>
    </row>
    <row r="527" spans="2:4" x14ac:dyDescent="0.25">
      <c r="B527" s="169" t="s">
        <v>3687</v>
      </c>
      <c r="C527" s="142"/>
      <c r="D527" s="170"/>
    </row>
    <row r="528" spans="2:4" x14ac:dyDescent="0.25">
      <c r="B528" s="169" t="s">
        <v>3688</v>
      </c>
      <c r="C528" s="142"/>
      <c r="D528" s="170"/>
    </row>
    <row r="529" spans="2:4" x14ac:dyDescent="0.25">
      <c r="B529" s="169" t="s">
        <v>3689</v>
      </c>
      <c r="C529" s="142"/>
      <c r="D529" s="170"/>
    </row>
    <row r="530" spans="2:4" x14ac:dyDescent="0.25">
      <c r="B530" s="169" t="s">
        <v>3691</v>
      </c>
      <c r="C530" s="142"/>
      <c r="D530" s="170"/>
    </row>
    <row r="531" spans="2:4" x14ac:dyDescent="0.25">
      <c r="B531" s="169" t="s">
        <v>3690</v>
      </c>
      <c r="C531" s="142"/>
      <c r="D531" s="170"/>
    </row>
    <row r="533" spans="2:4" ht="15.75" thickBot="1" x14ac:dyDescent="0.3"/>
    <row r="534" spans="2:4" ht="15.75" thickBot="1" x14ac:dyDescent="0.3">
      <c r="B534" s="452" t="s">
        <v>3692</v>
      </c>
      <c r="C534" s="453"/>
      <c r="D534" s="471"/>
    </row>
    <row r="535" spans="2:4" x14ac:dyDescent="0.25">
      <c r="B535" s="439" t="s">
        <v>3693</v>
      </c>
      <c r="C535" s="440"/>
      <c r="D535" s="441"/>
    </row>
    <row r="536" spans="2:4" ht="15.75" thickBot="1" x14ac:dyDescent="0.3">
      <c r="B536" s="462"/>
      <c r="C536" s="443"/>
      <c r="D536" s="444"/>
    </row>
    <row r="537" spans="2:4" x14ac:dyDescent="0.25">
      <c r="B537" s="154" t="s">
        <v>3694</v>
      </c>
      <c r="C537" s="167"/>
      <c r="D537" s="168"/>
    </row>
    <row r="538" spans="2:4" x14ac:dyDescent="0.25">
      <c r="B538" s="169" t="s">
        <v>3695</v>
      </c>
      <c r="C538" s="142"/>
      <c r="D538" s="170"/>
    </row>
    <row r="539" spans="2:4" x14ac:dyDescent="0.25">
      <c r="B539" s="169" t="s">
        <v>3696</v>
      </c>
      <c r="C539" s="142"/>
      <c r="D539" s="170"/>
    </row>
    <row r="540" spans="2:4" x14ac:dyDescent="0.25">
      <c r="B540" s="169" t="s">
        <v>3697</v>
      </c>
      <c r="C540" s="142"/>
      <c r="D540" s="170"/>
    </row>
    <row r="541" spans="2:4" x14ac:dyDescent="0.25">
      <c r="B541" s="169" t="s">
        <v>3698</v>
      </c>
      <c r="C541" s="142"/>
      <c r="D541" s="170"/>
    </row>
    <row r="542" spans="2:4" x14ac:dyDescent="0.25">
      <c r="B542" s="169" t="s">
        <v>3703</v>
      </c>
      <c r="C542" s="142"/>
      <c r="D542" s="170"/>
    </row>
    <row r="543" spans="2:4" x14ac:dyDescent="0.25">
      <c r="B543" s="169" t="s">
        <v>3699</v>
      </c>
      <c r="C543" s="142"/>
      <c r="D543" s="170"/>
    </row>
    <row r="544" spans="2:4" x14ac:dyDescent="0.25">
      <c r="B544" s="169" t="s">
        <v>3700</v>
      </c>
      <c r="C544" s="142"/>
      <c r="D544" s="170"/>
    </row>
    <row r="545" spans="2:4" x14ac:dyDescent="0.25">
      <c r="B545" s="169" t="s">
        <v>3701</v>
      </c>
      <c r="C545" s="142"/>
      <c r="D545" s="170"/>
    </row>
    <row r="546" spans="2:4" x14ac:dyDescent="0.25">
      <c r="B546" s="169" t="s">
        <v>3702</v>
      </c>
      <c r="C546" s="142"/>
      <c r="D546" s="170"/>
    </row>
    <row r="548" spans="2:4" ht="15.75" thickBot="1" x14ac:dyDescent="0.3"/>
    <row r="549" spans="2:4" ht="15.75" thickBot="1" x14ac:dyDescent="0.3">
      <c r="B549" s="452" t="s">
        <v>3704</v>
      </c>
      <c r="C549" s="453"/>
      <c r="D549" s="471"/>
    </row>
    <row r="550" spans="2:4" x14ac:dyDescent="0.25">
      <c r="B550" s="439" t="s">
        <v>3705</v>
      </c>
      <c r="C550" s="440"/>
      <c r="D550" s="441"/>
    </row>
    <row r="551" spans="2:4" ht="15.75" thickBot="1" x14ac:dyDescent="0.3">
      <c r="B551" s="462"/>
      <c r="C551" s="443"/>
      <c r="D551" s="444"/>
    </row>
    <row r="552" spans="2:4" x14ac:dyDescent="0.25">
      <c r="B552" s="154" t="s">
        <v>3706</v>
      </c>
      <c r="C552" s="167"/>
      <c r="D552" s="168"/>
    </row>
    <row r="553" spans="2:4" x14ac:dyDescent="0.25">
      <c r="B553" s="169" t="s">
        <v>3707</v>
      </c>
      <c r="C553" s="142"/>
      <c r="D553" s="170"/>
    </row>
    <row r="554" spans="2:4" x14ac:dyDescent="0.25">
      <c r="B554" s="169" t="s">
        <v>3708</v>
      </c>
      <c r="C554" s="142"/>
      <c r="D554" s="170"/>
    </row>
    <row r="555" spans="2:4" x14ac:dyDescent="0.25">
      <c r="B555" s="169" t="s">
        <v>3709</v>
      </c>
      <c r="C555" s="142"/>
      <c r="D555" s="170"/>
    </row>
    <row r="556" spans="2:4" x14ac:dyDescent="0.25">
      <c r="B556" s="169" t="s">
        <v>3710</v>
      </c>
      <c r="C556" s="142"/>
      <c r="D556" s="170"/>
    </row>
    <row r="557" spans="2:4" x14ac:dyDescent="0.25">
      <c r="B557" s="169" t="s">
        <v>3711</v>
      </c>
      <c r="C557" s="142"/>
      <c r="D557" s="170"/>
    </row>
    <row r="558" spans="2:4" x14ac:dyDescent="0.25">
      <c r="B558" s="169" t="s">
        <v>3712</v>
      </c>
      <c r="C558" s="142"/>
      <c r="D558" s="170"/>
    </row>
    <row r="559" spans="2:4" x14ac:dyDescent="0.25">
      <c r="B559" s="169" t="s">
        <v>3713</v>
      </c>
      <c r="C559" s="142"/>
      <c r="D559" s="170"/>
    </row>
    <row r="560" spans="2:4" x14ac:dyDescent="0.25">
      <c r="B560" s="169" t="s">
        <v>3714</v>
      </c>
      <c r="C560" s="142"/>
      <c r="D560" s="170"/>
    </row>
    <row r="561" spans="2:4" x14ac:dyDescent="0.25">
      <c r="B561" s="169" t="s">
        <v>3715</v>
      </c>
      <c r="C561" s="142"/>
      <c r="D561" s="170"/>
    </row>
    <row r="562" spans="2:4" x14ac:dyDescent="0.25">
      <c r="B562" s="169" t="s">
        <v>3716</v>
      </c>
      <c r="C562" s="142"/>
      <c r="D562" s="170"/>
    </row>
    <row r="563" spans="2:4" x14ac:dyDescent="0.25">
      <c r="B563" s="169" t="s">
        <v>3717</v>
      </c>
      <c r="C563" s="142"/>
      <c r="D563" s="170"/>
    </row>
    <row r="564" spans="2:4" x14ac:dyDescent="0.25">
      <c r="B564" s="169" t="s">
        <v>3718</v>
      </c>
      <c r="C564" s="142"/>
      <c r="D564" s="170"/>
    </row>
    <row r="565" spans="2:4" x14ac:dyDescent="0.25">
      <c r="B565" s="169" t="s">
        <v>3719</v>
      </c>
      <c r="C565" s="142"/>
      <c r="D565" s="170"/>
    </row>
    <row r="566" spans="2:4" x14ac:dyDescent="0.25">
      <c r="B566" s="169" t="s">
        <v>3720</v>
      </c>
      <c r="C566" s="142"/>
      <c r="D566" s="170"/>
    </row>
    <row r="567" spans="2:4" x14ac:dyDescent="0.25">
      <c r="B567" s="169" t="s">
        <v>3722</v>
      </c>
      <c r="C567" s="142"/>
      <c r="D567" s="170"/>
    </row>
    <row r="568" spans="2:4" x14ac:dyDescent="0.25">
      <c r="B568" s="169" t="s">
        <v>3723</v>
      </c>
      <c r="C568" s="142"/>
      <c r="D568" s="170"/>
    </row>
    <row r="569" spans="2:4" x14ac:dyDescent="0.25">
      <c r="B569" s="169" t="s">
        <v>3724</v>
      </c>
      <c r="C569" s="142"/>
      <c r="D569" s="170"/>
    </row>
    <row r="570" spans="2:4" x14ac:dyDescent="0.25">
      <c r="B570" s="169" t="s">
        <v>3725</v>
      </c>
      <c r="C570" s="142"/>
      <c r="D570" s="170"/>
    </row>
    <row r="571" spans="2:4" x14ac:dyDescent="0.25">
      <c r="B571" s="169" t="s">
        <v>753</v>
      </c>
      <c r="C571" s="142"/>
      <c r="D571" s="170"/>
    </row>
    <row r="572" spans="2:4" x14ac:dyDescent="0.25">
      <c r="B572" s="169" t="s">
        <v>3726</v>
      </c>
      <c r="C572" s="142"/>
      <c r="D572" s="170"/>
    </row>
    <row r="573" spans="2:4" x14ac:dyDescent="0.25">
      <c r="B573" s="169" t="s">
        <v>3727</v>
      </c>
      <c r="C573" s="142"/>
      <c r="D573" s="170"/>
    </row>
    <row r="574" spans="2:4" x14ac:dyDescent="0.25">
      <c r="B574" s="169" t="s">
        <v>3728</v>
      </c>
      <c r="C574" s="142"/>
      <c r="D574" s="170"/>
    </row>
    <row r="575" spans="2:4" x14ac:dyDescent="0.25">
      <c r="B575" s="169" t="s">
        <v>3729</v>
      </c>
      <c r="C575" s="142"/>
      <c r="D575" s="170"/>
    </row>
    <row r="576" spans="2:4" x14ac:dyDescent="0.25">
      <c r="B576" s="169" t="s">
        <v>3730</v>
      </c>
      <c r="C576" s="142"/>
      <c r="D576" s="170"/>
    </row>
    <row r="577" spans="2:4" x14ac:dyDescent="0.25">
      <c r="B577" s="169" t="s">
        <v>3731</v>
      </c>
      <c r="C577" s="142"/>
      <c r="D577" s="170"/>
    </row>
    <row r="578" spans="2:4" x14ac:dyDescent="0.25">
      <c r="B578" s="169" t="s">
        <v>3732</v>
      </c>
      <c r="C578" s="142"/>
      <c r="D578" s="170"/>
    </row>
    <row r="579" spans="2:4" x14ac:dyDescent="0.25">
      <c r="B579" s="169" t="s">
        <v>3733</v>
      </c>
      <c r="C579" s="142"/>
      <c r="D579" s="170"/>
    </row>
    <row r="580" spans="2:4" x14ac:dyDescent="0.25">
      <c r="B580" s="169" t="s">
        <v>3734</v>
      </c>
      <c r="C580" s="142"/>
      <c r="D580" s="170"/>
    </row>
    <row r="581" spans="2:4" x14ac:dyDescent="0.25">
      <c r="B581" s="169" t="s">
        <v>3735</v>
      </c>
      <c r="C581" s="142"/>
      <c r="D581" s="170"/>
    </row>
    <row r="582" spans="2:4" x14ac:dyDescent="0.25">
      <c r="B582" s="169" t="s">
        <v>3736</v>
      </c>
      <c r="C582" s="142"/>
      <c r="D582" s="170"/>
    </row>
    <row r="583" spans="2:4" x14ac:dyDescent="0.25">
      <c r="B583" s="169" t="s">
        <v>3272</v>
      </c>
      <c r="C583" s="142"/>
      <c r="D583" s="170"/>
    </row>
    <row r="584" spans="2:4" x14ac:dyDescent="0.25">
      <c r="B584" s="169" t="s">
        <v>2115</v>
      </c>
      <c r="C584" s="142"/>
      <c r="D584" s="170"/>
    </row>
    <row r="585" spans="2:4" x14ac:dyDescent="0.25">
      <c r="B585" s="169" t="s">
        <v>3737</v>
      </c>
      <c r="C585" s="142"/>
      <c r="D585" s="170"/>
    </row>
    <row r="586" spans="2:4" x14ac:dyDescent="0.25">
      <c r="B586" s="169" t="s">
        <v>3738</v>
      </c>
      <c r="C586" s="142"/>
      <c r="D586" s="170"/>
    </row>
    <row r="587" spans="2:4" x14ac:dyDescent="0.25">
      <c r="B587" s="169" t="s">
        <v>3739</v>
      </c>
      <c r="C587" s="142"/>
      <c r="D587" s="170"/>
    </row>
    <row r="588" spans="2:4" x14ac:dyDescent="0.25">
      <c r="B588" s="169" t="s">
        <v>3740</v>
      </c>
      <c r="C588" s="142"/>
      <c r="D588" s="170"/>
    </row>
    <row r="589" spans="2:4" x14ac:dyDescent="0.25">
      <c r="B589" s="169" t="s">
        <v>3741</v>
      </c>
      <c r="C589" s="142"/>
      <c r="D589" s="170"/>
    </row>
    <row r="590" spans="2:4" x14ac:dyDescent="0.25">
      <c r="B590" s="169" t="s">
        <v>3742</v>
      </c>
      <c r="C590" s="142"/>
      <c r="D590" s="170"/>
    </row>
    <row r="591" spans="2:4" x14ac:dyDescent="0.25">
      <c r="B591" s="169" t="s">
        <v>3743</v>
      </c>
      <c r="C591" s="142"/>
      <c r="D591" s="170"/>
    </row>
    <row r="592" spans="2:4" x14ac:dyDescent="0.25">
      <c r="B592" s="169" t="s">
        <v>3744</v>
      </c>
      <c r="C592" s="142"/>
      <c r="D592" s="170"/>
    </row>
    <row r="593" spans="2:4" x14ac:dyDescent="0.25">
      <c r="B593" s="169" t="s">
        <v>3745</v>
      </c>
      <c r="C593" s="142"/>
      <c r="D593" s="170"/>
    </row>
    <row r="594" spans="2:4" x14ac:dyDescent="0.25">
      <c r="B594" s="169" t="s">
        <v>3746</v>
      </c>
      <c r="C594" s="142"/>
      <c r="D594" s="170"/>
    </row>
    <row r="595" spans="2:4" x14ac:dyDescent="0.25">
      <c r="B595" s="169" t="s">
        <v>3747</v>
      </c>
      <c r="C595" s="142"/>
      <c r="D595" s="170"/>
    </row>
    <row r="596" spans="2:4" x14ac:dyDescent="0.25">
      <c r="B596" s="169" t="s">
        <v>3748</v>
      </c>
      <c r="C596" s="142"/>
      <c r="D596" s="170"/>
    </row>
    <row r="597" spans="2:4" x14ac:dyDescent="0.25">
      <c r="B597" s="169" t="s">
        <v>3749</v>
      </c>
      <c r="C597" s="142"/>
      <c r="D597" s="170"/>
    </row>
    <row r="598" spans="2:4" x14ac:dyDescent="0.25">
      <c r="B598" s="169" t="s">
        <v>3750</v>
      </c>
      <c r="C598" s="142"/>
      <c r="D598" s="170"/>
    </row>
    <row r="599" spans="2:4" x14ac:dyDescent="0.25">
      <c r="B599" s="169" t="s">
        <v>3751</v>
      </c>
      <c r="C599" s="142"/>
      <c r="D599" s="170"/>
    </row>
    <row r="600" spans="2:4" x14ac:dyDescent="0.25">
      <c r="B600" s="169" t="s">
        <v>3752</v>
      </c>
      <c r="C600" s="142"/>
      <c r="D600" s="170"/>
    </row>
    <row r="601" spans="2:4" x14ac:dyDescent="0.25">
      <c r="B601" s="169" t="s">
        <v>3753</v>
      </c>
      <c r="C601" s="142"/>
      <c r="D601" s="170"/>
    </row>
    <row r="602" spans="2:4" x14ac:dyDescent="0.25">
      <c r="B602" s="169" t="s">
        <v>748</v>
      </c>
      <c r="C602" s="142"/>
      <c r="D602" s="170"/>
    </row>
    <row r="603" spans="2:4" x14ac:dyDescent="0.25">
      <c r="B603" s="169" t="s">
        <v>3754</v>
      </c>
      <c r="C603" s="142"/>
      <c r="D603" s="170"/>
    </row>
    <row r="604" spans="2:4" x14ac:dyDescent="0.25">
      <c r="B604" s="169" t="s">
        <v>3755</v>
      </c>
      <c r="C604" s="142"/>
      <c r="D604" s="170"/>
    </row>
    <row r="605" spans="2:4" x14ac:dyDescent="0.25">
      <c r="B605" s="169" t="s">
        <v>3756</v>
      </c>
      <c r="C605" s="142"/>
      <c r="D605" s="170"/>
    </row>
    <row r="606" spans="2:4" ht="15.75" thickBot="1" x14ac:dyDescent="0.3">
      <c r="B606" s="155" t="s">
        <v>3757</v>
      </c>
      <c r="C606" s="171"/>
      <c r="D606" s="172"/>
    </row>
    <row r="608" spans="2:4" ht="15.75" thickBot="1" x14ac:dyDescent="0.3"/>
    <row r="609" spans="2:4" ht="15.75" thickBot="1" x14ac:dyDescent="0.3">
      <c r="B609" s="452" t="s">
        <v>3758</v>
      </c>
      <c r="C609" s="453"/>
      <c r="D609" s="471"/>
    </row>
    <row r="610" spans="2:4" x14ac:dyDescent="0.25">
      <c r="B610" s="439" t="s">
        <v>3759</v>
      </c>
      <c r="C610" s="440"/>
      <c r="D610" s="441"/>
    </row>
    <row r="611" spans="2:4" ht="15.75" thickBot="1" x14ac:dyDescent="0.3">
      <c r="B611" s="462"/>
      <c r="C611" s="443"/>
      <c r="D611" s="444"/>
    </row>
    <row r="612" spans="2:4" x14ac:dyDescent="0.25">
      <c r="B612" s="154" t="s">
        <v>3760</v>
      </c>
      <c r="C612" s="167"/>
      <c r="D612" s="168"/>
    </row>
    <row r="613" spans="2:4" x14ac:dyDescent="0.25">
      <c r="B613" s="169" t="s">
        <v>3761</v>
      </c>
      <c r="C613" s="142"/>
      <c r="D613" s="170"/>
    </row>
    <row r="614" spans="2:4" x14ac:dyDescent="0.25">
      <c r="B614" s="169" t="s">
        <v>3721</v>
      </c>
      <c r="C614" s="142"/>
      <c r="D614" s="170"/>
    </row>
    <row r="615" spans="2:4" x14ac:dyDescent="0.25">
      <c r="B615" s="169" t="s">
        <v>3762</v>
      </c>
      <c r="C615" s="142"/>
      <c r="D615" s="170"/>
    </row>
    <row r="616" spans="2:4" x14ac:dyDescent="0.25">
      <c r="B616" s="169" t="s">
        <v>3763</v>
      </c>
      <c r="C616" s="142"/>
      <c r="D616" s="170"/>
    </row>
    <row r="617" spans="2:4" x14ac:dyDescent="0.25">
      <c r="B617" s="169" t="s">
        <v>3764</v>
      </c>
      <c r="C617" s="142"/>
      <c r="D617" s="170"/>
    </row>
    <row r="618" spans="2:4" x14ac:dyDescent="0.25">
      <c r="B618" s="169" t="s">
        <v>3255</v>
      </c>
      <c r="C618" s="142"/>
      <c r="D618" s="170"/>
    </row>
    <row r="619" spans="2:4" ht="15.75" thickBot="1" x14ac:dyDescent="0.3">
      <c r="B619" s="155" t="s">
        <v>3765</v>
      </c>
      <c r="C619" s="171"/>
      <c r="D619" s="172"/>
    </row>
    <row r="621" spans="2:4" ht="15.75" thickBot="1" x14ac:dyDescent="0.3"/>
    <row r="622" spans="2:4" ht="15.75" thickBot="1" x14ac:dyDescent="0.3">
      <c r="B622" s="452" t="s">
        <v>3766</v>
      </c>
      <c r="C622" s="453"/>
      <c r="D622" s="471"/>
    </row>
    <row r="623" spans="2:4" x14ac:dyDescent="0.25">
      <c r="B623" s="439" t="s">
        <v>3767</v>
      </c>
      <c r="C623" s="440"/>
      <c r="D623" s="441"/>
    </row>
    <row r="624" spans="2:4" ht="15.75" thickBot="1" x14ac:dyDescent="0.3">
      <c r="B624" s="462"/>
      <c r="C624" s="443"/>
      <c r="D624" s="444"/>
    </row>
    <row r="625" spans="2:4" x14ac:dyDescent="0.25">
      <c r="B625" s="154" t="s">
        <v>3768</v>
      </c>
      <c r="C625" s="167"/>
      <c r="D625" s="168"/>
    </row>
    <row r="626" spans="2:4" x14ac:dyDescent="0.25">
      <c r="B626" s="169" t="s">
        <v>3769</v>
      </c>
      <c r="C626" s="142"/>
      <c r="D626" s="170"/>
    </row>
    <row r="627" spans="2:4" x14ac:dyDescent="0.25">
      <c r="B627" s="169" t="s">
        <v>3770</v>
      </c>
      <c r="C627" s="142"/>
      <c r="D627" s="170"/>
    </row>
    <row r="628" spans="2:4" ht="15.75" thickBot="1" x14ac:dyDescent="0.3">
      <c r="B628" s="155" t="s">
        <v>3771</v>
      </c>
      <c r="C628" s="171"/>
      <c r="D628" s="172"/>
    </row>
    <row r="630" spans="2:4" ht="15.75" thickBot="1" x14ac:dyDescent="0.3"/>
    <row r="631" spans="2:4" ht="15.75" thickBot="1" x14ac:dyDescent="0.3">
      <c r="B631" s="452" t="s">
        <v>3772</v>
      </c>
      <c r="C631" s="453"/>
      <c r="D631" s="471"/>
    </row>
    <row r="632" spans="2:4" x14ac:dyDescent="0.25">
      <c r="B632" s="439" t="s">
        <v>3773</v>
      </c>
      <c r="C632" s="440"/>
      <c r="D632" s="441"/>
    </row>
    <row r="633" spans="2:4" ht="15.75" thickBot="1" x14ac:dyDescent="0.3">
      <c r="B633" s="462"/>
      <c r="C633" s="443"/>
      <c r="D633" s="444"/>
    </row>
    <row r="634" spans="2:4" x14ac:dyDescent="0.25">
      <c r="B634" s="154" t="s">
        <v>3774</v>
      </c>
      <c r="C634" s="167"/>
      <c r="D634" s="168"/>
    </row>
    <row r="635" spans="2:4" x14ac:dyDescent="0.25">
      <c r="B635" s="169" t="s">
        <v>3775</v>
      </c>
      <c r="C635" s="142"/>
      <c r="D635" s="170"/>
    </row>
    <row r="636" spans="2:4" x14ac:dyDescent="0.25">
      <c r="B636" s="169" t="s">
        <v>3776</v>
      </c>
      <c r="C636" s="142"/>
      <c r="D636" s="170"/>
    </row>
    <row r="637" spans="2:4" x14ac:dyDescent="0.25">
      <c r="B637" s="169" t="s">
        <v>3777</v>
      </c>
      <c r="C637" s="142"/>
      <c r="D637" s="170"/>
    </row>
    <row r="638" spans="2:4" x14ac:dyDescent="0.25">
      <c r="B638" s="169" t="s">
        <v>3778</v>
      </c>
      <c r="C638" s="142"/>
      <c r="D638" s="170"/>
    </row>
    <row r="639" spans="2:4" x14ac:dyDescent="0.25">
      <c r="B639" s="169" t="s">
        <v>3779</v>
      </c>
      <c r="C639" s="142"/>
      <c r="D639" s="170"/>
    </row>
    <row r="640" spans="2:4" x14ac:dyDescent="0.25">
      <c r="B640" s="169" t="s">
        <v>3780</v>
      </c>
      <c r="C640" s="142"/>
      <c r="D640" s="170"/>
    </row>
    <row r="641" spans="2:4" x14ac:dyDescent="0.25">
      <c r="B641" s="169" t="s">
        <v>3781</v>
      </c>
      <c r="C641" s="142"/>
      <c r="D641" s="170"/>
    </row>
    <row r="642" spans="2:4" ht="15.75" thickBot="1" x14ac:dyDescent="0.3">
      <c r="B642" s="155" t="s">
        <v>3782</v>
      </c>
      <c r="C642" s="171"/>
      <c r="D642" s="172"/>
    </row>
    <row r="644" spans="2:4" ht="15.75" thickBot="1" x14ac:dyDescent="0.3"/>
    <row r="645" spans="2:4" ht="15.75" thickBot="1" x14ac:dyDescent="0.3">
      <c r="B645" s="452" t="s">
        <v>3783</v>
      </c>
      <c r="C645" s="453"/>
      <c r="D645" s="471"/>
    </row>
    <row r="646" spans="2:4" x14ac:dyDescent="0.25">
      <c r="B646" s="439" t="s">
        <v>3784</v>
      </c>
      <c r="C646" s="440"/>
      <c r="D646" s="441"/>
    </row>
    <row r="647" spans="2:4" ht="15.75" thickBot="1" x14ac:dyDescent="0.3">
      <c r="B647" s="462"/>
      <c r="C647" s="443"/>
      <c r="D647" s="444"/>
    </row>
    <row r="648" spans="2:4" x14ac:dyDescent="0.25">
      <c r="B648" s="154" t="s">
        <v>3785</v>
      </c>
      <c r="C648" s="167"/>
      <c r="D648" s="168"/>
    </row>
    <row r="649" spans="2:4" x14ac:dyDescent="0.25">
      <c r="B649" s="169" t="s">
        <v>3786</v>
      </c>
      <c r="C649" s="142"/>
      <c r="D649" s="170"/>
    </row>
    <row r="650" spans="2:4" x14ac:dyDescent="0.25">
      <c r="B650" s="169" t="s">
        <v>3787</v>
      </c>
      <c r="C650" s="142"/>
      <c r="D650" s="170"/>
    </row>
    <row r="651" spans="2:4" x14ac:dyDescent="0.25">
      <c r="B651" s="169" t="s">
        <v>3788</v>
      </c>
      <c r="C651" s="142"/>
      <c r="D651" s="170"/>
    </row>
    <row r="652" spans="2:4" x14ac:dyDescent="0.25">
      <c r="B652" s="169" t="s">
        <v>3789</v>
      </c>
      <c r="C652" s="142"/>
      <c r="D652" s="170"/>
    </row>
    <row r="653" spans="2:4" x14ac:dyDescent="0.25">
      <c r="B653" s="169" t="s">
        <v>3790</v>
      </c>
      <c r="C653" s="142"/>
      <c r="D653" s="170"/>
    </row>
    <row r="654" spans="2:4" x14ac:dyDescent="0.25">
      <c r="B654" s="169" t="s">
        <v>3791</v>
      </c>
      <c r="C654" s="142"/>
      <c r="D654" s="170"/>
    </row>
    <row r="655" spans="2:4" x14ac:dyDescent="0.25">
      <c r="B655" s="169" t="s">
        <v>3792</v>
      </c>
      <c r="C655" s="142"/>
      <c r="D655" s="170"/>
    </row>
    <row r="656" spans="2:4" x14ac:dyDescent="0.25">
      <c r="B656" s="169" t="s">
        <v>3793</v>
      </c>
      <c r="C656" s="142"/>
      <c r="D656" s="170"/>
    </row>
    <row r="657" spans="2:4" ht="15.75" thickBot="1" x14ac:dyDescent="0.3">
      <c r="B657" s="155" t="s">
        <v>3794</v>
      </c>
      <c r="C657" s="171"/>
      <c r="D657" s="172"/>
    </row>
    <row r="659" spans="2:4" ht="15.75" thickBot="1" x14ac:dyDescent="0.3"/>
    <row r="660" spans="2:4" ht="15.75" thickBot="1" x14ac:dyDescent="0.3">
      <c r="B660" s="452" t="s">
        <v>3795</v>
      </c>
      <c r="C660" s="453"/>
      <c r="D660" s="471"/>
    </row>
    <row r="661" spans="2:4" x14ac:dyDescent="0.25">
      <c r="B661" s="439" t="s">
        <v>3796</v>
      </c>
      <c r="C661" s="440"/>
      <c r="D661" s="441"/>
    </row>
    <row r="662" spans="2:4" ht="15.75" thickBot="1" x14ac:dyDescent="0.3">
      <c r="B662" s="462"/>
      <c r="C662" s="443"/>
      <c r="D662" s="444"/>
    </row>
    <row r="663" spans="2:4" x14ac:dyDescent="0.25">
      <c r="B663" s="154" t="s">
        <v>3797</v>
      </c>
      <c r="C663" s="167"/>
      <c r="D663" s="168"/>
    </row>
    <row r="664" spans="2:4" x14ac:dyDescent="0.25">
      <c r="B664" s="169" t="s">
        <v>3798</v>
      </c>
      <c r="C664" s="142"/>
      <c r="D664" s="170"/>
    </row>
    <row r="665" spans="2:4" ht="15.75" thickBot="1" x14ac:dyDescent="0.3">
      <c r="B665" s="155" t="s">
        <v>3799</v>
      </c>
      <c r="C665" s="171"/>
      <c r="D665" s="172"/>
    </row>
    <row r="667" spans="2:4" ht="15.75" thickBot="1" x14ac:dyDescent="0.3"/>
    <row r="668" spans="2:4" ht="15.75" thickBot="1" x14ac:dyDescent="0.3">
      <c r="B668" s="452" t="s">
        <v>3800</v>
      </c>
      <c r="C668" s="453"/>
      <c r="D668" s="471"/>
    </row>
    <row r="669" spans="2:4" x14ac:dyDescent="0.25">
      <c r="B669" s="439" t="s">
        <v>3801</v>
      </c>
      <c r="C669" s="440"/>
      <c r="D669" s="441"/>
    </row>
    <row r="670" spans="2:4" ht="15.75" thickBot="1" x14ac:dyDescent="0.3">
      <c r="B670" s="462"/>
      <c r="C670" s="443"/>
      <c r="D670" s="444"/>
    </row>
    <row r="671" spans="2:4" ht="15.75" thickBot="1" x14ac:dyDescent="0.3">
      <c r="B671" s="18" t="s">
        <v>3802</v>
      </c>
      <c r="C671" s="175"/>
      <c r="D671" s="176"/>
    </row>
    <row r="673" spans="2:4" ht="15.75" thickBot="1" x14ac:dyDescent="0.3"/>
    <row r="674" spans="2:4" ht="15.75" thickBot="1" x14ac:dyDescent="0.3">
      <c r="B674" s="452" t="s">
        <v>3803</v>
      </c>
      <c r="C674" s="453"/>
      <c r="D674" s="471"/>
    </row>
    <row r="675" spans="2:4" x14ac:dyDescent="0.25">
      <c r="B675" s="439" t="s">
        <v>3804</v>
      </c>
      <c r="C675" s="440"/>
      <c r="D675" s="441"/>
    </row>
    <row r="676" spans="2:4" ht="15.75" thickBot="1" x14ac:dyDescent="0.3">
      <c r="B676" s="462"/>
      <c r="C676" s="443"/>
      <c r="D676" s="444"/>
    </row>
    <row r="677" spans="2:4" ht="15.75" thickBot="1" x14ac:dyDescent="0.3">
      <c r="B677" s="18" t="s">
        <v>3465</v>
      </c>
      <c r="C677" s="175"/>
      <c r="D677" s="176"/>
    </row>
    <row r="679" spans="2:4" ht="15.75" thickBot="1" x14ac:dyDescent="0.3"/>
    <row r="680" spans="2:4" ht="15.75" thickBot="1" x14ac:dyDescent="0.3">
      <c r="B680" s="452" t="s">
        <v>3805</v>
      </c>
      <c r="C680" s="453"/>
      <c r="D680" s="471"/>
    </row>
    <row r="681" spans="2:4" x14ac:dyDescent="0.25">
      <c r="B681" s="439" t="s">
        <v>3806</v>
      </c>
      <c r="C681" s="440"/>
      <c r="D681" s="441"/>
    </row>
    <row r="682" spans="2:4" x14ac:dyDescent="0.25">
      <c r="B682" s="462"/>
      <c r="C682" s="443"/>
      <c r="D682" s="444"/>
    </row>
    <row r="683" spans="2:4" ht="15.75" thickBot="1" x14ac:dyDescent="0.3">
      <c r="B683" s="462"/>
      <c r="C683" s="443"/>
      <c r="D683" s="444"/>
    </row>
    <row r="684" spans="2:4" x14ac:dyDescent="0.25">
      <c r="B684" s="154" t="s">
        <v>3807</v>
      </c>
      <c r="C684" s="167"/>
      <c r="D684" s="168"/>
    </row>
    <row r="685" spans="2:4" x14ac:dyDescent="0.25">
      <c r="B685" s="169" t="s">
        <v>3808</v>
      </c>
      <c r="C685" s="142"/>
      <c r="D685" s="170"/>
    </row>
    <row r="686" spans="2:4" ht="15.75" thickBot="1" x14ac:dyDescent="0.3">
      <c r="B686" s="155" t="s">
        <v>3809</v>
      </c>
      <c r="C686" s="171"/>
      <c r="D686" s="172"/>
    </row>
    <row r="688" spans="2:4" ht="15.75" thickBot="1" x14ac:dyDescent="0.3"/>
    <row r="689" spans="2:4" ht="15.75" thickBot="1" x14ac:dyDescent="0.3">
      <c r="B689" s="452" t="s">
        <v>3810</v>
      </c>
      <c r="C689" s="453"/>
      <c r="D689" s="471"/>
    </row>
    <row r="690" spans="2:4" x14ac:dyDescent="0.25">
      <c r="B690" s="439" t="s">
        <v>3811</v>
      </c>
      <c r="C690" s="440"/>
      <c r="D690" s="441"/>
    </row>
    <row r="691" spans="2:4" ht="15.75" thickBot="1" x14ac:dyDescent="0.3">
      <c r="B691" s="462"/>
      <c r="C691" s="443"/>
      <c r="D691" s="444"/>
    </row>
    <row r="692" spans="2:4" x14ac:dyDescent="0.25">
      <c r="B692" s="154" t="s">
        <v>764</v>
      </c>
      <c r="C692" s="167"/>
      <c r="D692" s="168"/>
    </row>
    <row r="693" spans="2:4" x14ac:dyDescent="0.25">
      <c r="B693" s="169" t="s">
        <v>3812</v>
      </c>
      <c r="C693" s="142"/>
      <c r="D693" s="170"/>
    </row>
    <row r="694" spans="2:4" x14ac:dyDescent="0.25">
      <c r="B694" s="169" t="s">
        <v>3524</v>
      </c>
      <c r="C694" s="142"/>
      <c r="D694" s="170"/>
    </row>
    <row r="695" spans="2:4" x14ac:dyDescent="0.25">
      <c r="B695" s="169" t="s">
        <v>3813</v>
      </c>
      <c r="C695" s="142"/>
      <c r="D695" s="170"/>
    </row>
    <row r="696" spans="2:4" x14ac:dyDescent="0.25">
      <c r="B696" s="169" t="s">
        <v>3437</v>
      </c>
      <c r="C696" s="142"/>
      <c r="D696" s="170"/>
    </row>
    <row r="697" spans="2:4" x14ac:dyDescent="0.25">
      <c r="B697" s="169" t="s">
        <v>2135</v>
      </c>
      <c r="C697" s="142"/>
      <c r="D697" s="170"/>
    </row>
    <row r="698" spans="2:4" x14ac:dyDescent="0.25">
      <c r="B698" s="169" t="s">
        <v>3498</v>
      </c>
      <c r="C698" s="142"/>
      <c r="D698" s="170"/>
    </row>
    <row r="699" spans="2:4" x14ac:dyDescent="0.25">
      <c r="B699" s="169" t="s">
        <v>3814</v>
      </c>
      <c r="C699" s="142"/>
      <c r="D699" s="170"/>
    </row>
    <row r="700" spans="2:4" x14ac:dyDescent="0.25">
      <c r="B700" s="169" t="s">
        <v>3815</v>
      </c>
      <c r="C700" s="142"/>
      <c r="D700" s="170"/>
    </row>
    <row r="701" spans="2:4" x14ac:dyDescent="0.25">
      <c r="B701" s="169" t="s">
        <v>3816</v>
      </c>
      <c r="C701" s="142"/>
      <c r="D701" s="170"/>
    </row>
    <row r="702" spans="2:4" x14ac:dyDescent="0.25">
      <c r="B702" s="169" t="s">
        <v>3817</v>
      </c>
      <c r="C702" s="142"/>
      <c r="D702" s="170"/>
    </row>
    <row r="703" spans="2:4" x14ac:dyDescent="0.25">
      <c r="B703" s="169" t="s">
        <v>2264</v>
      </c>
      <c r="C703" s="142"/>
      <c r="D703" s="170"/>
    </row>
    <row r="704" spans="2:4" x14ac:dyDescent="0.25">
      <c r="B704" s="169" t="s">
        <v>3818</v>
      </c>
      <c r="C704" s="142"/>
      <c r="D704" s="170"/>
    </row>
    <row r="705" spans="2:4" x14ac:dyDescent="0.25">
      <c r="B705" s="169" t="s">
        <v>3819</v>
      </c>
      <c r="C705" s="142"/>
      <c r="D705" s="170"/>
    </row>
    <row r="706" spans="2:4" x14ac:dyDescent="0.25">
      <c r="B706" s="169" t="s">
        <v>3820</v>
      </c>
      <c r="C706" s="142"/>
      <c r="D706" s="170"/>
    </row>
    <row r="707" spans="2:4" x14ac:dyDescent="0.25">
      <c r="B707" s="169" t="s">
        <v>1753</v>
      </c>
      <c r="C707" s="142"/>
      <c r="D707" s="170"/>
    </row>
    <row r="708" spans="2:4" x14ac:dyDescent="0.25">
      <c r="B708" s="169" t="s">
        <v>2027</v>
      </c>
      <c r="C708" s="142"/>
      <c r="D708" s="170"/>
    </row>
    <row r="709" spans="2:4" x14ac:dyDescent="0.25">
      <c r="B709" s="169" t="s">
        <v>2046</v>
      </c>
      <c r="C709" s="142"/>
      <c r="D709" s="170"/>
    </row>
    <row r="710" spans="2:4" x14ac:dyDescent="0.25">
      <c r="B710" s="169" t="s">
        <v>3821</v>
      </c>
      <c r="C710" s="142"/>
      <c r="D710" s="170"/>
    </row>
    <row r="711" spans="2:4" x14ac:dyDescent="0.25">
      <c r="B711" s="169" t="s">
        <v>3822</v>
      </c>
      <c r="C711" s="142"/>
      <c r="D711" s="170"/>
    </row>
    <row r="712" spans="2:4" x14ac:dyDescent="0.25">
      <c r="B712" s="169" t="s">
        <v>3823</v>
      </c>
      <c r="C712" s="142"/>
      <c r="D712" s="170"/>
    </row>
    <row r="713" spans="2:4" x14ac:dyDescent="0.25">
      <c r="B713" s="169" t="s">
        <v>3824</v>
      </c>
      <c r="C713" s="142"/>
      <c r="D713" s="170"/>
    </row>
    <row r="714" spans="2:4" x14ac:dyDescent="0.25">
      <c r="B714" s="169" t="s">
        <v>3825</v>
      </c>
      <c r="C714" s="142"/>
      <c r="D714" s="170"/>
    </row>
    <row r="715" spans="2:4" x14ac:dyDescent="0.25">
      <c r="B715" s="169" t="s">
        <v>3826</v>
      </c>
      <c r="C715" s="142"/>
      <c r="D715" s="170"/>
    </row>
    <row r="716" spans="2:4" x14ac:dyDescent="0.25">
      <c r="B716" s="169" t="s">
        <v>3554</v>
      </c>
      <c r="C716" s="142"/>
      <c r="D716" s="170"/>
    </row>
    <row r="717" spans="2:4" x14ac:dyDescent="0.25">
      <c r="B717" s="169" t="s">
        <v>3827</v>
      </c>
      <c r="C717" s="142"/>
      <c r="D717" s="170"/>
    </row>
    <row r="718" spans="2:4" x14ac:dyDescent="0.25">
      <c r="B718" s="169" t="s">
        <v>3828</v>
      </c>
      <c r="C718" s="142"/>
      <c r="D718" s="170"/>
    </row>
    <row r="719" spans="2:4" ht="15.75" thickBot="1" x14ac:dyDescent="0.3">
      <c r="B719" s="155" t="s">
        <v>529</v>
      </c>
      <c r="C719" s="171"/>
      <c r="D719" s="172"/>
    </row>
    <row r="721" spans="2:4" ht="15.75" thickBot="1" x14ac:dyDescent="0.3"/>
    <row r="722" spans="2:4" ht="15.75" thickBot="1" x14ac:dyDescent="0.3">
      <c r="B722" s="452" t="s">
        <v>3829</v>
      </c>
      <c r="C722" s="453"/>
      <c r="D722" s="471"/>
    </row>
    <row r="723" spans="2:4" x14ac:dyDescent="0.25">
      <c r="B723" s="439" t="s">
        <v>3830</v>
      </c>
      <c r="C723" s="440"/>
      <c r="D723" s="441"/>
    </row>
    <row r="724" spans="2:4" ht="15.75" thickBot="1" x14ac:dyDescent="0.3">
      <c r="B724" s="462"/>
      <c r="C724" s="443"/>
      <c r="D724" s="444"/>
    </row>
    <row r="725" spans="2:4" x14ac:dyDescent="0.25">
      <c r="B725" s="154" t="s">
        <v>3831</v>
      </c>
      <c r="C725" s="167"/>
      <c r="D725" s="168"/>
    </row>
    <row r="726" spans="2:4" x14ac:dyDescent="0.25">
      <c r="B726" s="169" t="s">
        <v>3832</v>
      </c>
      <c r="C726" s="142"/>
      <c r="D726" s="170"/>
    </row>
    <row r="727" spans="2:4" x14ac:dyDescent="0.25">
      <c r="B727" s="169" t="s">
        <v>3833</v>
      </c>
      <c r="C727" s="142"/>
      <c r="D727" s="170"/>
    </row>
    <row r="728" spans="2:4" x14ac:dyDescent="0.25">
      <c r="B728" s="169" t="s">
        <v>1452</v>
      </c>
      <c r="C728" s="142"/>
      <c r="D728" s="170"/>
    </row>
    <row r="729" spans="2:4" x14ac:dyDescent="0.25">
      <c r="B729" s="169" t="s">
        <v>3834</v>
      </c>
      <c r="C729" s="142"/>
      <c r="D729" s="170"/>
    </row>
    <row r="730" spans="2:4" x14ac:dyDescent="0.25">
      <c r="B730" s="169" t="s">
        <v>3835</v>
      </c>
      <c r="C730" s="142"/>
      <c r="D730" s="170"/>
    </row>
    <row r="731" spans="2:4" x14ac:dyDescent="0.25">
      <c r="B731" s="169" t="s">
        <v>3836</v>
      </c>
      <c r="C731" s="142"/>
      <c r="D731" s="170"/>
    </row>
    <row r="732" spans="2:4" ht="15.75" thickBot="1" x14ac:dyDescent="0.3">
      <c r="B732" s="155" t="s">
        <v>3313</v>
      </c>
      <c r="C732" s="171"/>
      <c r="D732" s="172"/>
    </row>
    <row r="734" spans="2:4" ht="15.75" thickBot="1" x14ac:dyDescent="0.3"/>
    <row r="735" spans="2:4" ht="15.75" thickBot="1" x14ac:dyDescent="0.3">
      <c r="B735" s="452" t="s">
        <v>3837</v>
      </c>
      <c r="C735" s="453"/>
      <c r="D735" s="471"/>
    </row>
    <row r="736" spans="2:4" x14ac:dyDescent="0.25">
      <c r="B736" s="439" t="s">
        <v>3838</v>
      </c>
      <c r="C736" s="440"/>
      <c r="D736" s="441"/>
    </row>
    <row r="737" spans="2:4" ht="15.75" thickBot="1" x14ac:dyDescent="0.3">
      <c r="B737" s="462"/>
      <c r="C737" s="443"/>
      <c r="D737" s="444"/>
    </row>
    <row r="738" spans="2:4" x14ac:dyDescent="0.25">
      <c r="B738" s="154" t="s">
        <v>3839</v>
      </c>
      <c r="C738" s="167"/>
      <c r="D738" s="168"/>
    </row>
    <row r="739" spans="2:4" ht="15.75" thickBot="1" x14ac:dyDescent="0.3">
      <c r="B739" s="155" t="s">
        <v>3840</v>
      </c>
      <c r="C739" s="171"/>
      <c r="D739" s="172"/>
    </row>
    <row r="741" spans="2:4" ht="15.75" thickBot="1" x14ac:dyDescent="0.3"/>
    <row r="742" spans="2:4" ht="15.75" thickBot="1" x14ac:dyDescent="0.3">
      <c r="B742" s="452" t="s">
        <v>3841</v>
      </c>
      <c r="C742" s="453"/>
      <c r="D742" s="471"/>
    </row>
    <row r="743" spans="2:4" x14ac:dyDescent="0.25">
      <c r="B743" s="439" t="s">
        <v>3842</v>
      </c>
      <c r="C743" s="440"/>
      <c r="D743" s="441"/>
    </row>
    <row r="744" spans="2:4" ht="15.75" thickBot="1" x14ac:dyDescent="0.3">
      <c r="B744" s="462"/>
      <c r="C744" s="443"/>
      <c r="D744" s="444"/>
    </row>
    <row r="745" spans="2:4" x14ac:dyDescent="0.25">
      <c r="B745" s="154" t="s">
        <v>3843</v>
      </c>
      <c r="C745" s="167"/>
      <c r="D745" s="168"/>
    </row>
    <row r="746" spans="2:4" x14ac:dyDescent="0.25">
      <c r="B746" s="169" t="s">
        <v>3844</v>
      </c>
      <c r="C746" s="142"/>
      <c r="D746" s="170"/>
    </row>
    <row r="747" spans="2:4" x14ac:dyDescent="0.25">
      <c r="B747" s="169" t="s">
        <v>3845</v>
      </c>
      <c r="C747" s="142"/>
      <c r="D747" s="170"/>
    </row>
    <row r="748" spans="2:4" x14ac:dyDescent="0.25">
      <c r="B748" s="169" t="s">
        <v>2333</v>
      </c>
      <c r="C748" s="142"/>
      <c r="D748" s="170"/>
    </row>
    <row r="749" spans="2:4" x14ac:dyDescent="0.25">
      <c r="B749" s="169" t="s">
        <v>3846</v>
      </c>
      <c r="C749" s="142"/>
      <c r="D749" s="170"/>
    </row>
    <row r="750" spans="2:4" ht="15.75" thickBot="1" x14ac:dyDescent="0.3">
      <c r="B750" s="155" t="s">
        <v>3847</v>
      </c>
      <c r="C750" s="171"/>
      <c r="D750" s="172"/>
    </row>
    <row r="752" spans="2:4" ht="15.75" thickBot="1" x14ac:dyDescent="0.3"/>
    <row r="753" spans="2:4" ht="15.75" thickBot="1" x14ac:dyDescent="0.3">
      <c r="B753" s="452" t="s">
        <v>3848</v>
      </c>
      <c r="C753" s="453"/>
      <c r="D753" s="471"/>
    </row>
    <row r="754" spans="2:4" x14ac:dyDescent="0.25">
      <c r="B754" s="439" t="s">
        <v>3849</v>
      </c>
      <c r="C754" s="440"/>
      <c r="D754" s="441"/>
    </row>
    <row r="755" spans="2:4" ht="15.75" thickBot="1" x14ac:dyDescent="0.3">
      <c r="B755" s="462"/>
      <c r="C755" s="443"/>
      <c r="D755" s="444"/>
    </row>
    <row r="756" spans="2:4" x14ac:dyDescent="0.25">
      <c r="B756" s="154" t="s">
        <v>3850</v>
      </c>
      <c r="C756" s="167"/>
      <c r="D756" s="168"/>
    </row>
    <row r="757" spans="2:4" x14ac:dyDescent="0.25">
      <c r="B757" s="169" t="s">
        <v>3851</v>
      </c>
      <c r="C757" s="142"/>
      <c r="D757" s="170"/>
    </row>
    <row r="758" spans="2:4" x14ac:dyDescent="0.25">
      <c r="B758" s="169" t="s">
        <v>3852</v>
      </c>
      <c r="C758" s="142"/>
      <c r="D758" s="170"/>
    </row>
    <row r="759" spans="2:4" x14ac:dyDescent="0.25">
      <c r="B759" s="169" t="s">
        <v>3853</v>
      </c>
      <c r="C759" s="142"/>
      <c r="D759" s="170"/>
    </row>
    <row r="760" spans="2:4" x14ac:dyDescent="0.25">
      <c r="B760" s="169" t="s">
        <v>3855</v>
      </c>
      <c r="C760" s="142"/>
      <c r="D760" s="170"/>
    </row>
    <row r="761" spans="2:4" x14ac:dyDescent="0.25">
      <c r="B761" s="169" t="s">
        <v>3856</v>
      </c>
      <c r="C761" s="142"/>
      <c r="D761" s="170"/>
    </row>
    <row r="762" spans="2:4" x14ac:dyDescent="0.25">
      <c r="B762" s="169" t="s">
        <v>3854</v>
      </c>
      <c r="C762" s="142"/>
      <c r="D762" s="170"/>
    </row>
    <row r="763" spans="2:4" ht="15.75" thickBot="1" x14ac:dyDescent="0.3">
      <c r="B763" s="155" t="s">
        <v>3857</v>
      </c>
      <c r="C763" s="171"/>
      <c r="D763" s="172"/>
    </row>
    <row r="765" spans="2:4" ht="15.75" thickBot="1" x14ac:dyDescent="0.3"/>
    <row r="766" spans="2:4" ht="15.75" thickBot="1" x14ac:dyDescent="0.3">
      <c r="B766" s="452" t="s">
        <v>3858</v>
      </c>
      <c r="C766" s="453"/>
      <c r="D766" s="471"/>
    </row>
    <row r="767" spans="2:4" x14ac:dyDescent="0.25">
      <c r="B767" s="439" t="s">
        <v>3859</v>
      </c>
      <c r="C767" s="440"/>
      <c r="D767" s="441"/>
    </row>
    <row r="768" spans="2:4" ht="15.75" thickBot="1" x14ac:dyDescent="0.3">
      <c r="B768" s="462"/>
      <c r="C768" s="443"/>
      <c r="D768" s="444"/>
    </row>
    <row r="769" spans="2:4" x14ac:dyDescent="0.25">
      <c r="B769" s="154" t="s">
        <v>2433</v>
      </c>
      <c r="C769" s="167"/>
      <c r="D769" s="168"/>
    </row>
    <row r="770" spans="2:4" x14ac:dyDescent="0.25">
      <c r="B770" s="169" t="s">
        <v>3860</v>
      </c>
      <c r="C770" s="142"/>
      <c r="D770" s="170"/>
    </row>
    <row r="771" spans="2:4" x14ac:dyDescent="0.25">
      <c r="B771" s="169" t="s">
        <v>3861</v>
      </c>
      <c r="C771" s="142"/>
      <c r="D771" s="170"/>
    </row>
    <row r="772" spans="2:4" x14ac:dyDescent="0.25">
      <c r="B772" s="169" t="s">
        <v>3862</v>
      </c>
      <c r="C772" s="142"/>
      <c r="D772" s="170"/>
    </row>
    <row r="773" spans="2:4" x14ac:dyDescent="0.25">
      <c r="B773" s="169" t="s">
        <v>1055</v>
      </c>
      <c r="C773" s="142"/>
      <c r="D773" s="170"/>
    </row>
    <row r="774" spans="2:4" x14ac:dyDescent="0.25">
      <c r="B774" s="169" t="s">
        <v>3009</v>
      </c>
      <c r="C774" s="142"/>
      <c r="D774" s="170"/>
    </row>
    <row r="775" spans="2:4" x14ac:dyDescent="0.25">
      <c r="B775" s="169" t="s">
        <v>3732</v>
      </c>
      <c r="C775" s="142"/>
      <c r="D775" s="170"/>
    </row>
    <row r="776" spans="2:4" x14ac:dyDescent="0.25">
      <c r="B776" s="169" t="s">
        <v>3863</v>
      </c>
      <c r="C776" s="142"/>
      <c r="D776" s="170"/>
    </row>
    <row r="777" spans="2:4" x14ac:dyDescent="0.25">
      <c r="B777" s="169" t="s">
        <v>2115</v>
      </c>
      <c r="C777" s="142"/>
      <c r="D777" s="170"/>
    </row>
    <row r="778" spans="2:4" x14ac:dyDescent="0.25">
      <c r="B778" s="169" t="s">
        <v>3864</v>
      </c>
      <c r="C778" s="142"/>
      <c r="D778" s="170"/>
    </row>
    <row r="779" spans="2:4" x14ac:dyDescent="0.25">
      <c r="B779" s="169" t="s">
        <v>3865</v>
      </c>
      <c r="C779" s="142"/>
      <c r="D779" s="170"/>
    </row>
    <row r="780" spans="2:4" x14ac:dyDescent="0.25">
      <c r="B780" s="169" t="s">
        <v>3866</v>
      </c>
      <c r="C780" s="142"/>
      <c r="D780" s="170"/>
    </row>
    <row r="781" spans="2:4" x14ac:dyDescent="0.25">
      <c r="B781" s="169" t="s">
        <v>3867</v>
      </c>
      <c r="C781" s="142"/>
      <c r="D781" s="170"/>
    </row>
    <row r="782" spans="2:4" x14ac:dyDescent="0.25">
      <c r="B782" s="169" t="s">
        <v>3868</v>
      </c>
      <c r="C782" s="142"/>
      <c r="D782" s="170"/>
    </row>
    <row r="783" spans="2:4" ht="15.75" thickBot="1" x14ac:dyDescent="0.3">
      <c r="B783" s="155" t="s">
        <v>3869</v>
      </c>
      <c r="C783" s="171"/>
      <c r="D783" s="172"/>
    </row>
    <row r="785" spans="2:4" ht="15.75" thickBot="1" x14ac:dyDescent="0.3"/>
    <row r="786" spans="2:4" ht="15.75" thickBot="1" x14ac:dyDescent="0.3">
      <c r="B786" s="452" t="s">
        <v>3870</v>
      </c>
      <c r="C786" s="453"/>
      <c r="D786" s="471"/>
    </row>
    <row r="787" spans="2:4" x14ac:dyDescent="0.25">
      <c r="B787" s="439" t="s">
        <v>3871</v>
      </c>
      <c r="C787" s="440"/>
      <c r="D787" s="441"/>
    </row>
    <row r="788" spans="2:4" ht="15.75" thickBot="1" x14ac:dyDescent="0.3">
      <c r="B788" s="462"/>
      <c r="C788" s="443"/>
      <c r="D788" s="444"/>
    </row>
    <row r="789" spans="2:4" x14ac:dyDescent="0.25">
      <c r="B789" s="154" t="s">
        <v>3872</v>
      </c>
      <c r="C789" s="167"/>
      <c r="D789" s="168"/>
    </row>
    <row r="790" spans="2:4" x14ac:dyDescent="0.25">
      <c r="B790" s="169" t="s">
        <v>3873</v>
      </c>
      <c r="C790" s="142"/>
      <c r="D790" s="170"/>
    </row>
    <row r="791" spans="2:4" x14ac:dyDescent="0.25">
      <c r="B791" s="169" t="s">
        <v>3874</v>
      </c>
      <c r="C791" s="142"/>
      <c r="D791" s="170"/>
    </row>
    <row r="792" spans="2:4" x14ac:dyDescent="0.25">
      <c r="B792" s="169" t="s">
        <v>2147</v>
      </c>
      <c r="C792" s="142"/>
      <c r="D792" s="170"/>
    </row>
    <row r="793" spans="2:4" x14ac:dyDescent="0.25">
      <c r="B793" s="169" t="s">
        <v>2135</v>
      </c>
      <c r="C793" s="142"/>
      <c r="D793" s="170"/>
    </row>
    <row r="794" spans="2:4" x14ac:dyDescent="0.25">
      <c r="B794" s="169" t="s">
        <v>3875</v>
      </c>
      <c r="C794" s="142"/>
      <c r="D794" s="170"/>
    </row>
    <row r="795" spans="2:4" x14ac:dyDescent="0.25">
      <c r="B795" s="169" t="s">
        <v>3876</v>
      </c>
      <c r="C795" s="142"/>
      <c r="D795" s="170"/>
    </row>
    <row r="796" spans="2:4" x14ac:dyDescent="0.25">
      <c r="B796" s="169" t="s">
        <v>3877</v>
      </c>
      <c r="C796" s="142"/>
      <c r="D796" s="170"/>
    </row>
    <row r="797" spans="2:4" x14ac:dyDescent="0.25">
      <c r="B797" s="169" t="s">
        <v>3878</v>
      </c>
      <c r="C797" s="142"/>
      <c r="D797" s="170"/>
    </row>
    <row r="798" spans="2:4" x14ac:dyDescent="0.25">
      <c r="B798" s="169" t="s">
        <v>3879</v>
      </c>
      <c r="C798" s="142"/>
      <c r="D798" s="170"/>
    </row>
    <row r="799" spans="2:4" x14ac:dyDescent="0.25">
      <c r="B799" s="169" t="s">
        <v>3880</v>
      </c>
      <c r="C799" s="142"/>
      <c r="D799" s="170"/>
    </row>
    <row r="800" spans="2:4" x14ac:dyDescent="0.25">
      <c r="B800" s="169" t="s">
        <v>3881</v>
      </c>
      <c r="C800" s="142"/>
      <c r="D800" s="170"/>
    </row>
    <row r="801" spans="2:4" x14ac:dyDescent="0.25">
      <c r="B801" s="169" t="s">
        <v>3882</v>
      </c>
      <c r="C801" s="142"/>
      <c r="D801" s="170"/>
    </row>
    <row r="802" spans="2:4" x14ac:dyDescent="0.25">
      <c r="B802" s="169" t="s">
        <v>3883</v>
      </c>
      <c r="C802" s="142"/>
      <c r="D802" s="170"/>
    </row>
    <row r="803" spans="2:4" x14ac:dyDescent="0.25">
      <c r="B803" s="169" t="s">
        <v>3884</v>
      </c>
      <c r="C803" s="142"/>
      <c r="D803" s="170"/>
    </row>
    <row r="804" spans="2:4" x14ac:dyDescent="0.25">
      <c r="B804" s="169" t="s">
        <v>3885</v>
      </c>
      <c r="C804" s="142"/>
      <c r="D804" s="170"/>
    </row>
    <row r="805" spans="2:4" x14ac:dyDescent="0.25">
      <c r="B805" s="169" t="s">
        <v>2041</v>
      </c>
      <c r="C805" s="142"/>
      <c r="D805" s="170"/>
    </row>
    <row r="806" spans="2:4" ht="15.75" thickBot="1" x14ac:dyDescent="0.3">
      <c r="B806" s="155" t="s">
        <v>3886</v>
      </c>
      <c r="C806" s="171"/>
      <c r="D806" s="172"/>
    </row>
    <row r="808" spans="2:4" ht="15.75" thickBot="1" x14ac:dyDescent="0.3"/>
    <row r="809" spans="2:4" ht="15.75" thickBot="1" x14ac:dyDescent="0.3">
      <c r="B809" s="452" t="s">
        <v>3893</v>
      </c>
      <c r="C809" s="453"/>
      <c r="D809" s="471"/>
    </row>
    <row r="810" spans="2:4" x14ac:dyDescent="0.25">
      <c r="B810" s="439" t="s">
        <v>3892</v>
      </c>
      <c r="C810" s="440"/>
      <c r="D810" s="441"/>
    </row>
    <row r="811" spans="2:4" ht="15.75" thickBot="1" x14ac:dyDescent="0.3">
      <c r="B811" s="462"/>
      <c r="C811" s="443"/>
      <c r="D811" s="444"/>
    </row>
    <row r="812" spans="2:4" x14ac:dyDescent="0.25">
      <c r="B812" s="154" t="s">
        <v>3887</v>
      </c>
      <c r="C812" s="167"/>
      <c r="D812" s="168"/>
    </row>
    <row r="813" spans="2:4" x14ac:dyDescent="0.25">
      <c r="B813" s="169" t="s">
        <v>1939</v>
      </c>
      <c r="C813" s="142"/>
      <c r="D813" s="170"/>
    </row>
    <row r="814" spans="2:4" x14ac:dyDescent="0.25">
      <c r="B814" s="169" t="s">
        <v>3888</v>
      </c>
      <c r="C814" s="142"/>
      <c r="D814" s="170"/>
    </row>
    <row r="815" spans="2:4" x14ac:dyDescent="0.25">
      <c r="B815" s="169" t="s">
        <v>3889</v>
      </c>
      <c r="C815" s="142"/>
      <c r="D815" s="170"/>
    </row>
    <row r="816" spans="2:4" x14ac:dyDescent="0.25">
      <c r="B816" s="169" t="s">
        <v>3890</v>
      </c>
      <c r="C816" s="142"/>
      <c r="D816" s="170"/>
    </row>
    <row r="817" spans="2:4" ht="15.75" thickBot="1" x14ac:dyDescent="0.3">
      <c r="B817" s="155" t="s">
        <v>3891</v>
      </c>
      <c r="C817" s="171"/>
      <c r="D817" s="172"/>
    </row>
    <row r="819" spans="2:4" ht="15.75" thickBot="1" x14ac:dyDescent="0.3"/>
    <row r="820" spans="2:4" ht="15.75" thickBot="1" x14ac:dyDescent="0.3">
      <c r="B820" s="452" t="s">
        <v>3894</v>
      </c>
      <c r="C820" s="453"/>
      <c r="D820" s="471"/>
    </row>
    <row r="821" spans="2:4" x14ac:dyDescent="0.25">
      <c r="B821" s="439" t="s">
        <v>3895</v>
      </c>
      <c r="C821" s="440"/>
      <c r="D821" s="441"/>
    </row>
    <row r="822" spans="2:4" ht="15.75" thickBot="1" x14ac:dyDescent="0.3">
      <c r="B822" s="462"/>
      <c r="C822" s="443"/>
      <c r="D822" s="444"/>
    </row>
    <row r="823" spans="2:4" x14ac:dyDescent="0.25">
      <c r="B823" s="154" t="s">
        <v>3896</v>
      </c>
      <c r="C823" s="167"/>
      <c r="D823" s="168"/>
    </row>
    <row r="824" spans="2:4" x14ac:dyDescent="0.25">
      <c r="B824" s="169" t="s">
        <v>3897</v>
      </c>
      <c r="C824" s="142"/>
      <c r="D824" s="170"/>
    </row>
    <row r="825" spans="2:4" x14ac:dyDescent="0.25">
      <c r="B825" s="169" t="s">
        <v>3898</v>
      </c>
      <c r="C825" s="142"/>
      <c r="D825" s="170"/>
    </row>
    <row r="826" spans="2:4" x14ac:dyDescent="0.25">
      <c r="B826" s="169" t="s">
        <v>3899</v>
      </c>
      <c r="C826" s="142"/>
      <c r="D826" s="170"/>
    </row>
    <row r="827" spans="2:4" x14ac:dyDescent="0.25">
      <c r="B827" s="169" t="s">
        <v>1389</v>
      </c>
      <c r="C827" s="142"/>
      <c r="D827" s="170"/>
    </row>
    <row r="828" spans="2:4" x14ac:dyDescent="0.25">
      <c r="B828" s="169" t="s">
        <v>3900</v>
      </c>
      <c r="C828" s="142"/>
      <c r="D828" s="170"/>
    </row>
    <row r="829" spans="2:4" x14ac:dyDescent="0.25">
      <c r="B829" s="169" t="s">
        <v>3901</v>
      </c>
      <c r="C829" s="142"/>
      <c r="D829" s="170"/>
    </row>
    <row r="830" spans="2:4" x14ac:dyDescent="0.25">
      <c r="B830" s="169" t="s">
        <v>3902</v>
      </c>
      <c r="C830" s="142"/>
      <c r="D830" s="170"/>
    </row>
    <row r="831" spans="2:4" ht="15.75" thickBot="1" x14ac:dyDescent="0.3">
      <c r="B831" s="155" t="s">
        <v>3903</v>
      </c>
      <c r="C831" s="171"/>
      <c r="D831" s="172"/>
    </row>
    <row r="833" spans="2:4" ht="15.75" thickBot="1" x14ac:dyDescent="0.3"/>
    <row r="834" spans="2:4" ht="15.75" thickBot="1" x14ac:dyDescent="0.3">
      <c r="B834" s="452" t="s">
        <v>3904</v>
      </c>
      <c r="C834" s="453"/>
      <c r="D834" s="471"/>
    </row>
    <row r="835" spans="2:4" x14ac:dyDescent="0.25">
      <c r="B835" s="439" t="s">
        <v>3905</v>
      </c>
      <c r="C835" s="440"/>
      <c r="D835" s="441"/>
    </row>
    <row r="836" spans="2:4" ht="15.75" thickBot="1" x14ac:dyDescent="0.3">
      <c r="B836" s="462"/>
      <c r="C836" s="443"/>
      <c r="D836" s="444"/>
    </row>
    <row r="837" spans="2:4" x14ac:dyDescent="0.25">
      <c r="B837" s="154" t="s">
        <v>3908</v>
      </c>
      <c r="C837" s="167"/>
      <c r="D837" s="168"/>
    </row>
    <row r="838" spans="2:4" x14ac:dyDescent="0.25">
      <c r="B838" s="169" t="s">
        <v>2154</v>
      </c>
      <c r="C838" s="142"/>
      <c r="D838" s="170"/>
    </row>
    <row r="839" spans="2:4" x14ac:dyDescent="0.25">
      <c r="B839" s="169" t="s">
        <v>3906</v>
      </c>
      <c r="C839" s="142"/>
      <c r="D839" s="170"/>
    </row>
    <row r="840" spans="2:4" x14ac:dyDescent="0.25">
      <c r="B840" s="169" t="s">
        <v>3907</v>
      </c>
      <c r="C840" s="142"/>
      <c r="D840" s="170"/>
    </row>
    <row r="841" spans="2:4" x14ac:dyDescent="0.25">
      <c r="B841" s="169" t="s">
        <v>2860</v>
      </c>
      <c r="C841" s="142"/>
      <c r="D841" s="170"/>
    </row>
    <row r="842" spans="2:4" ht="15.75" thickBot="1" x14ac:dyDescent="0.3">
      <c r="B842" s="155" t="s">
        <v>2861</v>
      </c>
      <c r="C842" s="171"/>
      <c r="D842" s="172"/>
    </row>
    <row r="844" spans="2:4" ht="15.75" thickBot="1" x14ac:dyDescent="0.3"/>
    <row r="845" spans="2:4" ht="15.75" thickBot="1" x14ac:dyDescent="0.3">
      <c r="B845" s="452" t="s">
        <v>3909</v>
      </c>
      <c r="C845" s="453"/>
      <c r="D845" s="471"/>
    </row>
    <row r="846" spans="2:4" x14ac:dyDescent="0.25">
      <c r="B846" s="439" t="s">
        <v>893</v>
      </c>
      <c r="C846" s="440"/>
      <c r="D846" s="441"/>
    </row>
    <row r="847" spans="2:4" ht="15.75" thickBot="1" x14ac:dyDescent="0.3">
      <c r="B847" s="462"/>
      <c r="C847" s="443"/>
      <c r="D847" s="444"/>
    </row>
    <row r="848" spans="2:4" x14ac:dyDescent="0.25">
      <c r="B848" s="154" t="s">
        <v>3910</v>
      </c>
      <c r="C848" s="167"/>
      <c r="D848" s="168"/>
    </row>
    <row r="849" spans="2:4" x14ac:dyDescent="0.25">
      <c r="B849" s="169" t="s">
        <v>3911</v>
      </c>
      <c r="C849" s="142"/>
      <c r="D849" s="170"/>
    </row>
    <row r="850" spans="2:4" x14ac:dyDescent="0.25">
      <c r="B850" s="169" t="s">
        <v>3921</v>
      </c>
      <c r="C850" s="142"/>
      <c r="D850" s="170"/>
    </row>
    <row r="851" spans="2:4" x14ac:dyDescent="0.25">
      <c r="B851" s="169" t="s">
        <v>3912</v>
      </c>
      <c r="C851" s="142"/>
      <c r="D851" s="170"/>
    </row>
    <row r="852" spans="2:4" x14ac:dyDescent="0.25">
      <c r="B852" s="169" t="s">
        <v>3913</v>
      </c>
      <c r="C852" s="142"/>
      <c r="D852" s="170"/>
    </row>
    <row r="853" spans="2:4" x14ac:dyDescent="0.25">
      <c r="B853" s="169" t="s">
        <v>3914</v>
      </c>
      <c r="C853" s="142"/>
      <c r="D853" s="170"/>
    </row>
    <row r="854" spans="2:4" x14ac:dyDescent="0.25">
      <c r="B854" s="169" t="s">
        <v>3915</v>
      </c>
      <c r="C854" s="142"/>
      <c r="D854" s="170"/>
    </row>
    <row r="855" spans="2:4" x14ac:dyDescent="0.25">
      <c r="B855" s="169" t="s">
        <v>3916</v>
      </c>
      <c r="C855" s="142"/>
      <c r="D855" s="170"/>
    </row>
    <row r="856" spans="2:4" x14ac:dyDescent="0.25">
      <c r="B856" s="169" t="s">
        <v>2206</v>
      </c>
      <c r="C856" s="142"/>
      <c r="D856" s="170"/>
    </row>
    <row r="857" spans="2:4" x14ac:dyDescent="0.25">
      <c r="B857" s="169" t="s">
        <v>3917</v>
      </c>
      <c r="C857" s="142"/>
      <c r="D857" s="170"/>
    </row>
    <row r="858" spans="2:4" x14ac:dyDescent="0.25">
      <c r="B858" s="169" t="s">
        <v>3918</v>
      </c>
      <c r="C858" s="142"/>
      <c r="D858" s="170"/>
    </row>
    <row r="859" spans="2:4" x14ac:dyDescent="0.25">
      <c r="B859" s="169" t="s">
        <v>3919</v>
      </c>
      <c r="C859" s="142"/>
      <c r="D859" s="170"/>
    </row>
    <row r="860" spans="2:4" ht="15.75" thickBot="1" x14ac:dyDescent="0.3">
      <c r="B860" s="155" t="s">
        <v>3920</v>
      </c>
      <c r="C860" s="171"/>
      <c r="D860" s="172"/>
    </row>
    <row r="862" spans="2:4" ht="15.75" thickBot="1" x14ac:dyDescent="0.3"/>
    <row r="863" spans="2:4" ht="15.75" thickBot="1" x14ac:dyDescent="0.3">
      <c r="B863" s="452" t="s">
        <v>3922</v>
      </c>
      <c r="C863" s="453"/>
      <c r="D863" s="471"/>
    </row>
    <row r="864" spans="2:4" x14ac:dyDescent="0.25">
      <c r="B864" s="439" t="s">
        <v>3923</v>
      </c>
      <c r="C864" s="440"/>
      <c r="D864" s="441"/>
    </row>
    <row r="865" spans="2:4" ht="15.75" thickBot="1" x14ac:dyDescent="0.3">
      <c r="B865" s="462"/>
      <c r="C865" s="443"/>
      <c r="D865" s="444"/>
    </row>
    <row r="866" spans="2:4" x14ac:dyDescent="0.25">
      <c r="B866" s="154" t="s">
        <v>3924</v>
      </c>
      <c r="C866" s="167"/>
      <c r="D866" s="168"/>
    </row>
    <row r="867" spans="2:4" x14ac:dyDescent="0.25">
      <c r="B867" s="169" t="s">
        <v>3925</v>
      </c>
      <c r="C867" s="142"/>
      <c r="D867" s="170"/>
    </row>
    <row r="868" spans="2:4" x14ac:dyDescent="0.25">
      <c r="B868" s="169" t="s">
        <v>3926</v>
      </c>
      <c r="C868" s="142"/>
      <c r="D868" s="170"/>
    </row>
    <row r="869" spans="2:4" x14ac:dyDescent="0.25">
      <c r="B869" s="169" t="s">
        <v>1930</v>
      </c>
      <c r="C869" s="142"/>
      <c r="D869" s="170"/>
    </row>
    <row r="870" spans="2:4" x14ac:dyDescent="0.25">
      <c r="B870" s="169" t="s">
        <v>3927</v>
      </c>
      <c r="C870" s="142"/>
      <c r="D870" s="170"/>
    </row>
    <row r="871" spans="2:4" x14ac:dyDescent="0.25">
      <c r="B871" s="169" t="s">
        <v>2135</v>
      </c>
      <c r="C871" s="142"/>
      <c r="D871" s="170"/>
    </row>
    <row r="872" spans="2:4" x14ac:dyDescent="0.25">
      <c r="B872" s="169" t="s">
        <v>1055</v>
      </c>
      <c r="C872" s="142"/>
      <c r="D872" s="170"/>
    </row>
    <row r="873" spans="2:4" x14ac:dyDescent="0.25">
      <c r="B873" s="169" t="s">
        <v>1929</v>
      </c>
      <c r="C873" s="142"/>
      <c r="D873" s="170"/>
    </row>
    <row r="874" spans="2:4" x14ac:dyDescent="0.25">
      <c r="B874" s="169" t="s">
        <v>3928</v>
      </c>
      <c r="C874" s="142"/>
      <c r="D874" s="170"/>
    </row>
    <row r="875" spans="2:4" ht="15.75" thickBot="1" x14ac:dyDescent="0.3">
      <c r="B875" s="155" t="s">
        <v>3929</v>
      </c>
      <c r="C875" s="171"/>
      <c r="D875" s="172"/>
    </row>
    <row r="877" spans="2:4" ht="15.75" thickBot="1" x14ac:dyDescent="0.3"/>
    <row r="878" spans="2:4" ht="15.75" thickBot="1" x14ac:dyDescent="0.3">
      <c r="B878" s="452" t="s">
        <v>3930</v>
      </c>
      <c r="C878" s="453"/>
      <c r="D878" s="471"/>
    </row>
    <row r="879" spans="2:4" x14ac:dyDescent="0.25">
      <c r="B879" s="439" t="s">
        <v>3931</v>
      </c>
      <c r="C879" s="440"/>
      <c r="D879" s="441"/>
    </row>
    <row r="880" spans="2:4" ht="15.75" thickBot="1" x14ac:dyDescent="0.3">
      <c r="B880" s="462"/>
      <c r="C880" s="443"/>
      <c r="D880" s="444"/>
    </row>
    <row r="881" spans="2:4" x14ac:dyDescent="0.25">
      <c r="B881" s="154" t="s">
        <v>3932</v>
      </c>
      <c r="C881" s="167"/>
      <c r="D881" s="168"/>
    </row>
    <row r="882" spans="2:4" x14ac:dyDescent="0.25">
      <c r="B882" s="169" t="s">
        <v>3933</v>
      </c>
      <c r="C882" s="142"/>
      <c r="D882" s="170"/>
    </row>
    <row r="883" spans="2:4" x14ac:dyDescent="0.25">
      <c r="B883" s="169" t="s">
        <v>3934</v>
      </c>
      <c r="C883" s="142"/>
      <c r="D883" s="170"/>
    </row>
    <row r="884" spans="2:4" x14ac:dyDescent="0.25">
      <c r="B884" s="169" t="s">
        <v>3935</v>
      </c>
      <c r="C884" s="142"/>
      <c r="D884" s="170"/>
    </row>
    <row r="885" spans="2:4" x14ac:dyDescent="0.25">
      <c r="B885" s="169" t="s">
        <v>3936</v>
      </c>
      <c r="C885" s="142"/>
      <c r="D885" s="170"/>
    </row>
    <row r="886" spans="2:4" x14ac:dyDescent="0.25">
      <c r="B886" s="169" t="s">
        <v>3937</v>
      </c>
      <c r="C886" s="142"/>
      <c r="D886" s="170"/>
    </row>
    <row r="887" spans="2:4" x14ac:dyDescent="0.25">
      <c r="B887" s="169" t="s">
        <v>3938</v>
      </c>
      <c r="C887" s="142"/>
      <c r="D887" s="170"/>
    </row>
    <row r="888" spans="2:4" x14ac:dyDescent="0.25">
      <c r="B888" s="169" t="s">
        <v>3939</v>
      </c>
      <c r="C888" s="142"/>
      <c r="D888" s="170"/>
    </row>
    <row r="889" spans="2:4" ht="15.75" thickBot="1" x14ac:dyDescent="0.3">
      <c r="B889" s="155" t="s">
        <v>3940</v>
      </c>
      <c r="C889" s="171"/>
      <c r="D889" s="172"/>
    </row>
    <row r="891" spans="2:4" ht="15.75" thickBot="1" x14ac:dyDescent="0.3"/>
    <row r="892" spans="2:4" ht="15.75" thickBot="1" x14ac:dyDescent="0.3">
      <c r="B892" s="452" t="s">
        <v>3941</v>
      </c>
      <c r="C892" s="453"/>
      <c r="D892" s="471"/>
    </row>
    <row r="893" spans="2:4" x14ac:dyDescent="0.25">
      <c r="B893" s="439" t="s">
        <v>3942</v>
      </c>
      <c r="C893" s="440"/>
      <c r="D893" s="441"/>
    </row>
    <row r="894" spans="2:4" ht="15.75" thickBot="1" x14ac:dyDescent="0.3">
      <c r="B894" s="462"/>
      <c r="C894" s="443"/>
      <c r="D894" s="444"/>
    </row>
    <row r="895" spans="2:4" x14ac:dyDescent="0.25">
      <c r="B895" s="154" t="s">
        <v>3943</v>
      </c>
      <c r="C895" s="167"/>
      <c r="D895" s="168"/>
    </row>
    <row r="896" spans="2:4" x14ac:dyDescent="0.25">
      <c r="B896" s="169" t="s">
        <v>3944</v>
      </c>
      <c r="C896" s="142"/>
      <c r="D896" s="170"/>
    </row>
    <row r="897" spans="2:4" x14ac:dyDescent="0.25">
      <c r="B897" s="169" t="s">
        <v>3945</v>
      </c>
      <c r="C897" s="142"/>
      <c r="D897" s="170"/>
    </row>
    <row r="898" spans="2:4" x14ac:dyDescent="0.25">
      <c r="B898" s="169" t="s">
        <v>3946</v>
      </c>
      <c r="C898" s="142"/>
      <c r="D898" s="170"/>
    </row>
    <row r="899" spans="2:4" x14ac:dyDescent="0.25">
      <c r="B899" s="169" t="s">
        <v>3947</v>
      </c>
      <c r="C899" s="142"/>
      <c r="D899" s="170"/>
    </row>
    <row r="900" spans="2:4" ht="15.75" thickBot="1" x14ac:dyDescent="0.3">
      <c r="B900" s="155" t="s">
        <v>3948</v>
      </c>
      <c r="C900" s="171"/>
      <c r="D900" s="172"/>
    </row>
    <row r="902" spans="2:4" ht="15.75" thickBot="1" x14ac:dyDescent="0.3"/>
    <row r="903" spans="2:4" ht="15.75" thickBot="1" x14ac:dyDescent="0.3">
      <c r="B903" s="452" t="s">
        <v>3949</v>
      </c>
      <c r="C903" s="453"/>
      <c r="D903" s="471"/>
    </row>
    <row r="904" spans="2:4" x14ac:dyDescent="0.25">
      <c r="B904" s="439" t="s">
        <v>3950</v>
      </c>
      <c r="C904" s="440"/>
      <c r="D904" s="441"/>
    </row>
    <row r="905" spans="2:4" ht="15.75" thickBot="1" x14ac:dyDescent="0.3">
      <c r="B905" s="462"/>
      <c r="C905" s="443"/>
      <c r="D905" s="444"/>
    </row>
    <row r="906" spans="2:4" x14ac:dyDescent="0.25">
      <c r="B906" s="154" t="s">
        <v>3951</v>
      </c>
      <c r="C906" s="167"/>
      <c r="D906" s="168"/>
    </row>
    <row r="907" spans="2:4" x14ac:dyDescent="0.25">
      <c r="B907" s="169" t="s">
        <v>3952</v>
      </c>
      <c r="C907" s="142"/>
      <c r="D907" s="170"/>
    </row>
    <row r="908" spans="2:4" x14ac:dyDescent="0.25">
      <c r="B908" s="169" t="s">
        <v>1044</v>
      </c>
      <c r="C908" s="142"/>
      <c r="D908" s="170"/>
    </row>
    <row r="909" spans="2:4" x14ac:dyDescent="0.25">
      <c r="B909" s="169" t="s">
        <v>3953</v>
      </c>
      <c r="C909" s="142"/>
      <c r="D909" s="170"/>
    </row>
    <row r="910" spans="2:4" x14ac:dyDescent="0.25">
      <c r="B910" s="169" t="s">
        <v>3954</v>
      </c>
      <c r="C910" s="142"/>
      <c r="D910" s="170"/>
    </row>
    <row r="911" spans="2:4" x14ac:dyDescent="0.25">
      <c r="B911" s="169" t="s">
        <v>3955</v>
      </c>
      <c r="C911" s="142"/>
      <c r="D911" s="170"/>
    </row>
    <row r="912" spans="2:4" x14ac:dyDescent="0.25">
      <c r="B912" s="169" t="s">
        <v>3956</v>
      </c>
      <c r="C912" s="142"/>
      <c r="D912" s="170"/>
    </row>
    <row r="913" spans="2:4" x14ac:dyDescent="0.25">
      <c r="B913" s="169" t="s">
        <v>2179</v>
      </c>
      <c r="C913" s="142"/>
      <c r="D913" s="170"/>
    </row>
    <row r="914" spans="2:4" ht="15.75" thickBot="1" x14ac:dyDescent="0.3">
      <c r="B914" s="155" t="s">
        <v>3957</v>
      </c>
      <c r="C914" s="171"/>
      <c r="D914" s="172"/>
    </row>
    <row r="915" spans="2:4" ht="15.75" thickBot="1" x14ac:dyDescent="0.3"/>
    <row r="916" spans="2:4" ht="15.75" thickBot="1" x14ac:dyDescent="0.3">
      <c r="B916" s="452" t="s">
        <v>3958</v>
      </c>
      <c r="C916" s="453"/>
      <c r="D916" s="471"/>
    </row>
    <row r="917" spans="2:4" x14ac:dyDescent="0.25">
      <c r="B917" s="439" t="s">
        <v>3959</v>
      </c>
      <c r="C917" s="440"/>
      <c r="D917" s="441"/>
    </row>
    <row r="918" spans="2:4" ht="15.75" thickBot="1" x14ac:dyDescent="0.3">
      <c r="B918" s="462"/>
      <c r="C918" s="443"/>
      <c r="D918" s="444"/>
    </row>
    <row r="919" spans="2:4" x14ac:dyDescent="0.25">
      <c r="B919" s="154" t="s">
        <v>3960</v>
      </c>
      <c r="C919" s="167"/>
      <c r="D919" s="168"/>
    </row>
    <row r="920" spans="2:4" x14ac:dyDescent="0.25">
      <c r="B920" s="169" t="s">
        <v>3961</v>
      </c>
      <c r="C920" s="142"/>
      <c r="D920" s="170"/>
    </row>
    <row r="921" spans="2:4" x14ac:dyDescent="0.25">
      <c r="B921" s="169" t="s">
        <v>3962</v>
      </c>
      <c r="C921" s="142"/>
      <c r="D921" s="170"/>
    </row>
    <row r="922" spans="2:4" x14ac:dyDescent="0.25">
      <c r="B922" s="169" t="s">
        <v>2160</v>
      </c>
      <c r="C922" s="142"/>
      <c r="D922" s="170"/>
    </row>
    <row r="923" spans="2:4" x14ac:dyDescent="0.25">
      <c r="B923" s="169" t="s">
        <v>3963</v>
      </c>
      <c r="C923" s="142"/>
      <c r="D923" s="170"/>
    </row>
    <row r="924" spans="2:4" x14ac:dyDescent="0.25">
      <c r="B924" s="169" t="s">
        <v>3964</v>
      </c>
      <c r="C924" s="142"/>
      <c r="D924" s="170"/>
    </row>
    <row r="925" spans="2:4" ht="15.75" thickBot="1" x14ac:dyDescent="0.3">
      <c r="B925" s="155" t="s">
        <v>3965</v>
      </c>
      <c r="C925" s="171"/>
      <c r="D925" s="172"/>
    </row>
    <row r="927" spans="2:4" ht="15.75" thickBot="1" x14ac:dyDescent="0.3"/>
    <row r="928" spans="2:4" ht="15.75" thickBot="1" x14ac:dyDescent="0.3">
      <c r="B928" s="452" t="s">
        <v>3966</v>
      </c>
      <c r="C928" s="453"/>
      <c r="D928" s="471"/>
    </row>
    <row r="929" spans="2:4" x14ac:dyDescent="0.25">
      <c r="B929" s="439" t="s">
        <v>3967</v>
      </c>
      <c r="C929" s="440"/>
      <c r="D929" s="441"/>
    </row>
    <row r="930" spans="2:4" ht="15.75" thickBot="1" x14ac:dyDescent="0.3">
      <c r="B930" s="462"/>
      <c r="C930" s="443"/>
      <c r="D930" s="444"/>
    </row>
    <row r="931" spans="2:4" x14ac:dyDescent="0.25">
      <c r="B931" s="154" t="s">
        <v>3968</v>
      </c>
      <c r="C931" s="167"/>
      <c r="D931" s="168"/>
    </row>
    <row r="932" spans="2:4" x14ac:dyDescent="0.25">
      <c r="B932" s="169" t="s">
        <v>1968</v>
      </c>
      <c r="C932" s="142"/>
      <c r="D932" s="170"/>
    </row>
    <row r="933" spans="2:4" x14ac:dyDescent="0.25">
      <c r="B933" s="169" t="s">
        <v>1258</v>
      </c>
      <c r="C933" s="142"/>
      <c r="D933" s="170"/>
    </row>
    <row r="934" spans="2:4" x14ac:dyDescent="0.25">
      <c r="B934" s="169" t="s">
        <v>3969</v>
      </c>
      <c r="C934" s="142"/>
      <c r="D934" s="170"/>
    </row>
    <row r="935" spans="2:4" x14ac:dyDescent="0.25">
      <c r="B935" s="169" t="s">
        <v>3970</v>
      </c>
      <c r="C935" s="142"/>
      <c r="D935" s="170"/>
    </row>
    <row r="936" spans="2:4" x14ac:dyDescent="0.25">
      <c r="B936" s="169" t="s">
        <v>1949</v>
      </c>
      <c r="C936" s="142"/>
      <c r="D936" s="170"/>
    </row>
    <row r="937" spans="2:4" x14ac:dyDescent="0.25">
      <c r="B937" s="169" t="s">
        <v>3971</v>
      </c>
      <c r="C937" s="142"/>
      <c r="D937" s="170"/>
    </row>
    <row r="938" spans="2:4" x14ac:dyDescent="0.25">
      <c r="B938" s="169" t="s">
        <v>3972</v>
      </c>
      <c r="C938" s="142"/>
      <c r="D938" s="170"/>
    </row>
    <row r="939" spans="2:4" x14ac:dyDescent="0.25">
      <c r="B939" s="169" t="s">
        <v>3973</v>
      </c>
      <c r="C939" s="142"/>
      <c r="D939" s="170"/>
    </row>
    <row r="940" spans="2:4" x14ac:dyDescent="0.25">
      <c r="B940" s="169" t="s">
        <v>3974</v>
      </c>
      <c r="C940" s="142"/>
      <c r="D940" s="170"/>
    </row>
    <row r="941" spans="2:4" x14ac:dyDescent="0.25">
      <c r="B941" s="169" t="s">
        <v>3254</v>
      </c>
      <c r="C941" s="142"/>
      <c r="D941" s="170"/>
    </row>
    <row r="942" spans="2:4" x14ac:dyDescent="0.25">
      <c r="B942" s="169" t="s">
        <v>1969</v>
      </c>
      <c r="C942" s="142"/>
      <c r="D942" s="170"/>
    </row>
    <row r="943" spans="2:4" x14ac:dyDescent="0.25">
      <c r="B943" s="169" t="s">
        <v>3975</v>
      </c>
      <c r="C943" s="142"/>
      <c r="D943" s="170"/>
    </row>
    <row r="944" spans="2:4" x14ac:dyDescent="0.25">
      <c r="B944" s="169" t="s">
        <v>38</v>
      </c>
      <c r="C944" s="142"/>
      <c r="D944" s="170"/>
    </row>
    <row r="945" spans="2:4" x14ac:dyDescent="0.25">
      <c r="B945" s="169" t="s">
        <v>3976</v>
      </c>
      <c r="C945" s="142"/>
      <c r="D945" s="170"/>
    </row>
    <row r="946" spans="2:4" x14ac:dyDescent="0.25">
      <c r="B946" s="169" t="s">
        <v>3977</v>
      </c>
      <c r="C946" s="142"/>
      <c r="D946" s="170"/>
    </row>
    <row r="947" spans="2:4" x14ac:dyDescent="0.25">
      <c r="B947" s="169" t="s">
        <v>3978</v>
      </c>
      <c r="C947" s="142"/>
      <c r="D947" s="170"/>
    </row>
    <row r="948" spans="2:4" x14ac:dyDescent="0.25">
      <c r="B948" s="169" t="s">
        <v>3252</v>
      </c>
      <c r="C948" s="142"/>
      <c r="D948" s="170"/>
    </row>
    <row r="949" spans="2:4" x14ac:dyDescent="0.25">
      <c r="B949" s="169" t="s">
        <v>3979</v>
      </c>
      <c r="C949" s="142"/>
      <c r="D949" s="170"/>
    </row>
    <row r="950" spans="2:4" x14ac:dyDescent="0.25">
      <c r="B950" s="169" t="s">
        <v>3980</v>
      </c>
      <c r="C950" s="142"/>
      <c r="D950" s="170"/>
    </row>
    <row r="951" spans="2:4" x14ac:dyDescent="0.25">
      <c r="B951" s="169" t="s">
        <v>3981</v>
      </c>
      <c r="C951" s="142"/>
      <c r="D951" s="170"/>
    </row>
    <row r="952" spans="2:4" x14ac:dyDescent="0.25">
      <c r="B952" s="169" t="s">
        <v>1965</v>
      </c>
      <c r="C952" s="142"/>
      <c r="D952" s="170"/>
    </row>
    <row r="953" spans="2:4" x14ac:dyDescent="0.25">
      <c r="B953" s="169" t="s">
        <v>3982</v>
      </c>
      <c r="C953" s="142"/>
      <c r="D953" s="170"/>
    </row>
    <row r="954" spans="2:4" x14ac:dyDescent="0.25">
      <c r="B954" s="169" t="s">
        <v>3983</v>
      </c>
      <c r="C954" s="142"/>
      <c r="D954" s="170"/>
    </row>
    <row r="955" spans="2:4" x14ac:dyDescent="0.25">
      <c r="B955" s="169" t="s">
        <v>3984</v>
      </c>
      <c r="C955" s="142"/>
      <c r="D955" s="170"/>
    </row>
    <row r="956" spans="2:4" x14ac:dyDescent="0.25">
      <c r="B956" s="169" t="s">
        <v>1304</v>
      </c>
      <c r="C956" s="142"/>
      <c r="D956" s="170"/>
    </row>
    <row r="957" spans="2:4" x14ac:dyDescent="0.25">
      <c r="B957" s="169" t="s">
        <v>3985</v>
      </c>
      <c r="C957" s="142"/>
      <c r="D957" s="170"/>
    </row>
    <row r="958" spans="2:4" x14ac:dyDescent="0.25">
      <c r="B958" s="169" t="s">
        <v>62</v>
      </c>
      <c r="C958" s="142"/>
      <c r="D958" s="170"/>
    </row>
    <row r="959" spans="2:4" x14ac:dyDescent="0.25">
      <c r="B959" s="169" t="s">
        <v>173</v>
      </c>
      <c r="C959" s="142"/>
      <c r="D959" s="170"/>
    </row>
    <row r="960" spans="2:4" x14ac:dyDescent="0.25">
      <c r="B960" s="169" t="s">
        <v>1955</v>
      </c>
      <c r="C960" s="142"/>
      <c r="D960" s="170"/>
    </row>
    <row r="961" spans="2:4" x14ac:dyDescent="0.25">
      <c r="B961" s="169" t="s">
        <v>3986</v>
      </c>
      <c r="C961" s="142"/>
      <c r="D961" s="170"/>
    </row>
    <row r="962" spans="2:4" x14ac:dyDescent="0.25">
      <c r="B962" s="169" t="s">
        <v>3987</v>
      </c>
      <c r="C962" s="142"/>
      <c r="D962" s="170"/>
    </row>
    <row r="963" spans="2:4" ht="15.75" thickBot="1" x14ac:dyDescent="0.3">
      <c r="B963" s="155" t="s">
        <v>3988</v>
      </c>
      <c r="C963" s="171"/>
      <c r="D963" s="172"/>
    </row>
    <row r="964" spans="2:4" ht="15.75" thickBot="1" x14ac:dyDescent="0.3"/>
    <row r="965" spans="2:4" ht="15.75" thickBot="1" x14ac:dyDescent="0.3">
      <c r="B965" s="452" t="s">
        <v>3989</v>
      </c>
      <c r="C965" s="453"/>
      <c r="D965" s="471"/>
    </row>
    <row r="966" spans="2:4" x14ac:dyDescent="0.25">
      <c r="B966" s="439" t="s">
        <v>3990</v>
      </c>
      <c r="C966" s="440"/>
      <c r="D966" s="441"/>
    </row>
    <row r="967" spans="2:4" ht="15.75" thickBot="1" x14ac:dyDescent="0.3">
      <c r="B967" s="462"/>
      <c r="C967" s="443"/>
      <c r="D967" s="444"/>
    </row>
    <row r="968" spans="2:4" x14ac:dyDescent="0.25">
      <c r="B968" s="154" t="s">
        <v>3991</v>
      </c>
      <c r="C968" s="167"/>
      <c r="D968" s="168"/>
    </row>
    <row r="969" spans="2:4" ht="15.75" thickBot="1" x14ac:dyDescent="0.3">
      <c r="B969" s="155" t="s">
        <v>3465</v>
      </c>
      <c r="C969" s="171"/>
      <c r="D969" s="172"/>
    </row>
    <row r="970" spans="2:4" ht="15.75" thickBot="1" x14ac:dyDescent="0.3"/>
    <row r="971" spans="2:4" ht="15.75" thickBot="1" x14ac:dyDescent="0.3">
      <c r="B971" s="452" t="s">
        <v>3992</v>
      </c>
      <c r="C971" s="453"/>
      <c r="D971" s="471"/>
    </row>
    <row r="972" spans="2:4" x14ac:dyDescent="0.25">
      <c r="B972" s="439" t="s">
        <v>3993</v>
      </c>
      <c r="C972" s="440"/>
      <c r="D972" s="441"/>
    </row>
    <row r="973" spans="2:4" ht="15.75" thickBot="1" x14ac:dyDescent="0.3">
      <c r="B973" s="442"/>
      <c r="C973" s="455"/>
      <c r="D973" s="456"/>
    </row>
    <row r="974" spans="2:4" x14ac:dyDescent="0.25">
      <c r="B974" s="174" t="s">
        <v>3994</v>
      </c>
      <c r="C974" s="139"/>
      <c r="D974" s="173"/>
    </row>
    <row r="975" spans="2:4" x14ac:dyDescent="0.25">
      <c r="B975" s="169" t="s">
        <v>3995</v>
      </c>
      <c r="C975" s="142"/>
      <c r="D975" s="170"/>
    </row>
    <row r="976" spans="2:4" x14ac:dyDescent="0.25">
      <c r="B976" s="169" t="s">
        <v>3996</v>
      </c>
      <c r="C976" s="142"/>
      <c r="D976" s="170"/>
    </row>
    <row r="977" spans="2:4" x14ac:dyDescent="0.25">
      <c r="B977" s="169" t="s">
        <v>1928</v>
      </c>
      <c r="C977" s="142"/>
      <c r="D977" s="170"/>
    </row>
    <row r="978" spans="2:4" x14ac:dyDescent="0.25">
      <c r="B978" s="169" t="s">
        <v>2029</v>
      </c>
      <c r="C978" s="142"/>
      <c r="D978" s="170"/>
    </row>
    <row r="979" spans="2:4" x14ac:dyDescent="0.25">
      <c r="B979" s="169" t="s">
        <v>3997</v>
      </c>
      <c r="C979" s="142"/>
      <c r="D979" s="170"/>
    </row>
    <row r="980" spans="2:4" x14ac:dyDescent="0.25">
      <c r="B980" s="169" t="s">
        <v>3998</v>
      </c>
      <c r="C980" s="142"/>
      <c r="D980" s="170"/>
    </row>
    <row r="981" spans="2:4" x14ac:dyDescent="0.25">
      <c r="B981" s="169" t="s">
        <v>3999</v>
      </c>
      <c r="C981" s="142"/>
      <c r="D981" s="170"/>
    </row>
    <row r="982" spans="2:4" x14ac:dyDescent="0.25">
      <c r="B982" s="169" t="s">
        <v>3843</v>
      </c>
      <c r="C982" s="142"/>
      <c r="D982" s="170"/>
    </row>
    <row r="983" spans="2:4" ht="15.75" thickBot="1" x14ac:dyDescent="0.3">
      <c r="B983" s="155" t="s">
        <v>4000</v>
      </c>
      <c r="C983" s="171"/>
      <c r="D983" s="172"/>
    </row>
    <row r="984" spans="2:4" ht="15.75" thickBot="1" x14ac:dyDescent="0.3"/>
    <row r="985" spans="2:4" ht="15.75" thickBot="1" x14ac:dyDescent="0.3">
      <c r="B985" s="452" t="s">
        <v>4001</v>
      </c>
      <c r="C985" s="453"/>
      <c r="D985" s="471"/>
    </row>
    <row r="986" spans="2:4" x14ac:dyDescent="0.25">
      <c r="B986" s="439" t="s">
        <v>4002</v>
      </c>
      <c r="C986" s="440"/>
      <c r="D986" s="441"/>
    </row>
    <row r="987" spans="2:4" ht="15.75" thickBot="1" x14ac:dyDescent="0.3">
      <c r="B987" s="462"/>
      <c r="C987" s="443"/>
      <c r="D987" s="444"/>
    </row>
    <row r="988" spans="2:4" x14ac:dyDescent="0.25">
      <c r="B988" s="154" t="s">
        <v>3978</v>
      </c>
      <c r="C988" s="167"/>
      <c r="D988" s="168"/>
    </row>
    <row r="989" spans="2:4" x14ac:dyDescent="0.25">
      <c r="B989" s="169" t="s">
        <v>4003</v>
      </c>
      <c r="C989" s="142"/>
      <c r="D989" s="170"/>
    </row>
    <row r="990" spans="2:4" x14ac:dyDescent="0.25">
      <c r="B990" s="169" t="s">
        <v>3970</v>
      </c>
      <c r="C990" s="142"/>
      <c r="D990" s="170"/>
    </row>
    <row r="991" spans="2:4" x14ac:dyDescent="0.25">
      <c r="B991" s="169" t="s">
        <v>4004</v>
      </c>
      <c r="C991" s="142"/>
      <c r="D991" s="170"/>
    </row>
    <row r="992" spans="2:4" x14ac:dyDescent="0.25">
      <c r="B992" s="169" t="s">
        <v>4005</v>
      </c>
      <c r="C992" s="142"/>
      <c r="D992" s="170"/>
    </row>
    <row r="993" spans="2:4" x14ac:dyDescent="0.25">
      <c r="B993" s="169" t="s">
        <v>1261</v>
      </c>
      <c r="C993" s="142"/>
      <c r="D993" s="170"/>
    </row>
    <row r="994" spans="2:4" x14ac:dyDescent="0.25">
      <c r="B994" s="169" t="s">
        <v>4006</v>
      </c>
      <c r="C994" s="142"/>
      <c r="D994" s="170"/>
    </row>
    <row r="995" spans="2:4" x14ac:dyDescent="0.25">
      <c r="B995" s="169" t="s">
        <v>4015</v>
      </c>
      <c r="C995" s="142"/>
      <c r="D995" s="170"/>
    </row>
    <row r="996" spans="2:4" x14ac:dyDescent="0.25">
      <c r="B996" s="169" t="s">
        <v>4016</v>
      </c>
      <c r="C996" s="142"/>
      <c r="D996" s="170"/>
    </row>
    <row r="997" spans="2:4" x14ac:dyDescent="0.25">
      <c r="B997" s="169" t="s">
        <v>3985</v>
      </c>
      <c r="C997" s="142"/>
      <c r="D997" s="170"/>
    </row>
    <row r="998" spans="2:4" x14ac:dyDescent="0.25">
      <c r="B998" s="169" t="s">
        <v>4007</v>
      </c>
      <c r="C998" s="142"/>
      <c r="D998" s="170"/>
    </row>
    <row r="999" spans="2:4" x14ac:dyDescent="0.25">
      <c r="B999" s="169" t="s">
        <v>3252</v>
      </c>
      <c r="C999" s="142"/>
      <c r="D999" s="170"/>
    </row>
    <row r="1000" spans="2:4" x14ac:dyDescent="0.25">
      <c r="B1000" s="169" t="s">
        <v>3332</v>
      </c>
      <c r="C1000" s="142"/>
      <c r="D1000" s="170"/>
    </row>
    <row r="1001" spans="2:4" x14ac:dyDescent="0.25">
      <c r="B1001" s="169" t="s">
        <v>4008</v>
      </c>
      <c r="C1001" s="142"/>
      <c r="D1001" s="170"/>
    </row>
    <row r="1002" spans="2:4" x14ac:dyDescent="0.25">
      <c r="B1002" s="169" t="s">
        <v>4009</v>
      </c>
      <c r="C1002" s="142"/>
      <c r="D1002" s="170"/>
    </row>
    <row r="1003" spans="2:4" x14ac:dyDescent="0.25">
      <c r="B1003" s="169" t="s">
        <v>4010</v>
      </c>
      <c r="C1003" s="142"/>
      <c r="D1003" s="170"/>
    </row>
    <row r="1004" spans="2:4" x14ac:dyDescent="0.25">
      <c r="B1004" s="169" t="s">
        <v>4011</v>
      </c>
      <c r="C1004" s="142"/>
      <c r="D1004" s="170"/>
    </row>
    <row r="1005" spans="2:4" x14ac:dyDescent="0.25">
      <c r="B1005" s="169" t="s">
        <v>38</v>
      </c>
      <c r="C1005" s="142"/>
      <c r="D1005" s="170"/>
    </row>
    <row r="1006" spans="2:4" x14ac:dyDescent="0.25">
      <c r="B1006" s="169" t="s">
        <v>4012</v>
      </c>
      <c r="C1006" s="142"/>
      <c r="D1006" s="170"/>
    </row>
    <row r="1007" spans="2:4" x14ac:dyDescent="0.25">
      <c r="B1007" s="169" t="s">
        <v>173</v>
      </c>
      <c r="C1007" s="142"/>
      <c r="D1007" s="170"/>
    </row>
    <row r="1008" spans="2:4" x14ac:dyDescent="0.25">
      <c r="B1008" s="169" t="s">
        <v>4013</v>
      </c>
      <c r="C1008" s="142"/>
      <c r="D1008" s="170"/>
    </row>
    <row r="1009" spans="2:4" x14ac:dyDescent="0.25">
      <c r="B1009" s="169" t="s">
        <v>1968</v>
      </c>
      <c r="C1009" s="142"/>
      <c r="D1009" s="170"/>
    </row>
    <row r="1010" spans="2:4" x14ac:dyDescent="0.25">
      <c r="B1010" s="169" t="s">
        <v>4014</v>
      </c>
      <c r="C1010" s="142"/>
      <c r="D1010" s="170"/>
    </row>
    <row r="1011" spans="2:4" x14ac:dyDescent="0.25">
      <c r="B1011" s="169" t="s">
        <v>1971</v>
      </c>
      <c r="C1011" s="142"/>
      <c r="D1011" s="170"/>
    </row>
    <row r="1012" spans="2:4" x14ac:dyDescent="0.25">
      <c r="B1012" s="169" t="s">
        <v>3254</v>
      </c>
      <c r="C1012" s="142"/>
      <c r="D1012" s="170"/>
    </row>
    <row r="1013" spans="2:4" ht="15.75" thickBot="1" x14ac:dyDescent="0.3">
      <c r="B1013" s="155" t="s">
        <v>1949</v>
      </c>
      <c r="C1013" s="171"/>
      <c r="D1013" s="172"/>
    </row>
    <row r="1014" spans="2:4" ht="15.75" thickBot="1" x14ac:dyDescent="0.3"/>
    <row r="1015" spans="2:4" ht="15.75" thickBot="1" x14ac:dyDescent="0.3">
      <c r="B1015" s="452" t="s">
        <v>4017</v>
      </c>
      <c r="C1015" s="453"/>
      <c r="D1015" s="471"/>
    </row>
    <row r="1016" spans="2:4" x14ac:dyDescent="0.25">
      <c r="B1016" s="439" t="s">
        <v>4018</v>
      </c>
      <c r="C1016" s="440"/>
      <c r="D1016" s="441"/>
    </row>
    <row r="1017" spans="2:4" ht="15.75" thickBot="1" x14ac:dyDescent="0.3">
      <c r="B1017" s="462"/>
      <c r="C1017" s="443"/>
      <c r="D1017" s="444"/>
    </row>
    <row r="1018" spans="2:4" x14ac:dyDescent="0.25">
      <c r="B1018" s="154" t="s">
        <v>3707</v>
      </c>
      <c r="C1018" s="167"/>
      <c r="D1018" s="168"/>
    </row>
    <row r="1019" spans="2:4" x14ac:dyDescent="0.25">
      <c r="B1019" s="169" t="s">
        <v>4019</v>
      </c>
      <c r="C1019" s="142"/>
      <c r="D1019" s="170"/>
    </row>
    <row r="1020" spans="2:4" x14ac:dyDescent="0.25">
      <c r="B1020" s="169" t="s">
        <v>3745</v>
      </c>
      <c r="C1020" s="142"/>
      <c r="D1020" s="170"/>
    </row>
    <row r="1021" spans="2:4" x14ac:dyDescent="0.25">
      <c r="B1021" s="169" t="s">
        <v>2115</v>
      </c>
      <c r="C1021" s="142"/>
      <c r="D1021" s="170"/>
    </row>
    <row r="1022" spans="2:4" x14ac:dyDescent="0.25">
      <c r="B1022" s="169" t="s">
        <v>2108</v>
      </c>
      <c r="C1022" s="142"/>
      <c r="D1022" s="170"/>
    </row>
    <row r="1023" spans="2:4" x14ac:dyDescent="0.25">
      <c r="B1023" s="169" t="s">
        <v>4020</v>
      </c>
      <c r="C1023" s="142"/>
      <c r="D1023" s="170"/>
    </row>
    <row r="1024" spans="2:4" x14ac:dyDescent="0.25">
      <c r="B1024" s="169" t="s">
        <v>3747</v>
      </c>
      <c r="C1024" s="142"/>
      <c r="D1024" s="170"/>
    </row>
    <row r="1025" spans="2:4" ht="15.75" thickBot="1" x14ac:dyDescent="0.3">
      <c r="B1025" s="155" t="s">
        <v>4021</v>
      </c>
      <c r="C1025" s="171"/>
      <c r="D1025" s="172"/>
    </row>
    <row r="1026" spans="2:4" ht="15.75" thickBot="1" x14ac:dyDescent="0.3"/>
    <row r="1027" spans="2:4" ht="15.75" thickBot="1" x14ac:dyDescent="0.3">
      <c r="B1027" s="452" t="s">
        <v>4022</v>
      </c>
      <c r="C1027" s="453"/>
      <c r="D1027" s="471"/>
    </row>
    <row r="1028" spans="2:4" x14ac:dyDescent="0.25">
      <c r="B1028" s="439" t="s">
        <v>4023</v>
      </c>
      <c r="C1028" s="440"/>
      <c r="D1028" s="441"/>
    </row>
    <row r="1029" spans="2:4" ht="15.75" thickBot="1" x14ac:dyDescent="0.3">
      <c r="B1029" s="462"/>
      <c r="C1029" s="443"/>
      <c r="D1029" s="444"/>
    </row>
    <row r="1030" spans="2:4" x14ac:dyDescent="0.25">
      <c r="B1030" s="154" t="s">
        <v>4119</v>
      </c>
      <c r="C1030" s="167"/>
      <c r="D1030" s="168"/>
    </row>
    <row r="1031" spans="2:4" x14ac:dyDescent="0.25">
      <c r="B1031" s="169" t="s">
        <v>4024</v>
      </c>
      <c r="C1031" s="142"/>
      <c r="D1031" s="170"/>
    </row>
    <row r="1032" spans="2:4" ht="15.75" thickBot="1" x14ac:dyDescent="0.3">
      <c r="B1032" s="155" t="s">
        <v>4025</v>
      </c>
      <c r="C1032" s="171"/>
      <c r="D1032" s="172"/>
    </row>
    <row r="1033" spans="2:4" ht="15.75" thickBot="1" x14ac:dyDescent="0.3"/>
    <row r="1034" spans="2:4" ht="15.75" thickBot="1" x14ac:dyDescent="0.3">
      <c r="B1034" s="452" t="s">
        <v>4050</v>
      </c>
      <c r="C1034" s="453"/>
      <c r="D1034" s="471"/>
    </row>
    <row r="1035" spans="2:4" x14ac:dyDescent="0.25">
      <c r="B1035" s="439" t="s">
        <v>4026</v>
      </c>
      <c r="C1035" s="440"/>
      <c r="D1035" s="441"/>
    </row>
    <row r="1036" spans="2:4" ht="15.75" thickBot="1" x14ac:dyDescent="0.3">
      <c r="B1036" s="462"/>
      <c r="C1036" s="443"/>
      <c r="D1036" s="444"/>
    </row>
    <row r="1037" spans="2:4" x14ac:dyDescent="0.25">
      <c r="B1037" s="154" t="s">
        <v>4027</v>
      </c>
      <c r="C1037" s="167"/>
      <c r="D1037" s="168"/>
    </row>
    <row r="1038" spans="2:4" x14ac:dyDescent="0.25">
      <c r="B1038" s="169" t="s">
        <v>4028</v>
      </c>
      <c r="C1038" s="142"/>
      <c r="D1038" s="170"/>
    </row>
    <row r="1039" spans="2:4" x14ac:dyDescent="0.25">
      <c r="B1039" s="169" t="s">
        <v>62</v>
      </c>
      <c r="C1039" s="142"/>
      <c r="D1039" s="170"/>
    </row>
    <row r="1040" spans="2:4" x14ac:dyDescent="0.25">
      <c r="B1040" s="169" t="s">
        <v>1971</v>
      </c>
      <c r="C1040" s="142"/>
      <c r="D1040" s="170"/>
    </row>
    <row r="1041" spans="2:4" x14ac:dyDescent="0.25">
      <c r="B1041" s="169" t="s">
        <v>4029</v>
      </c>
      <c r="C1041" s="142"/>
      <c r="D1041" s="170"/>
    </row>
    <row r="1042" spans="2:4" x14ac:dyDescent="0.25">
      <c r="B1042" s="169" t="s">
        <v>4030</v>
      </c>
      <c r="C1042" s="142"/>
      <c r="D1042" s="170"/>
    </row>
    <row r="1043" spans="2:4" x14ac:dyDescent="0.25">
      <c r="B1043" s="169" t="s">
        <v>4031</v>
      </c>
      <c r="C1043" s="142"/>
      <c r="D1043" s="170"/>
    </row>
    <row r="1044" spans="2:4" x14ac:dyDescent="0.25">
      <c r="B1044" s="169" t="s">
        <v>4032</v>
      </c>
      <c r="C1044" s="142"/>
      <c r="D1044" s="170"/>
    </row>
    <row r="1045" spans="2:4" x14ac:dyDescent="0.25">
      <c r="B1045" s="169" t="s">
        <v>4033</v>
      </c>
      <c r="C1045" s="142"/>
      <c r="D1045" s="170"/>
    </row>
    <row r="1046" spans="2:4" x14ac:dyDescent="0.25">
      <c r="B1046" s="169" t="s">
        <v>4034</v>
      </c>
      <c r="C1046" s="142"/>
      <c r="D1046" s="170"/>
    </row>
    <row r="1047" spans="2:4" x14ac:dyDescent="0.25">
      <c r="B1047" s="169" t="s">
        <v>4035</v>
      </c>
      <c r="C1047" s="142"/>
      <c r="D1047" s="170"/>
    </row>
    <row r="1048" spans="2:4" x14ac:dyDescent="0.25">
      <c r="B1048" s="169" t="s">
        <v>3252</v>
      </c>
      <c r="C1048" s="142"/>
      <c r="D1048" s="170"/>
    </row>
    <row r="1049" spans="2:4" ht="15.75" thickBot="1" x14ac:dyDescent="0.3">
      <c r="B1049" s="155" t="s">
        <v>4036</v>
      </c>
      <c r="C1049" s="171"/>
      <c r="D1049" s="172"/>
    </row>
    <row r="1050" spans="2:4" ht="15.75" thickBot="1" x14ac:dyDescent="0.3"/>
    <row r="1051" spans="2:4" ht="15.75" thickBot="1" x14ac:dyDescent="0.3">
      <c r="B1051" s="452" t="s">
        <v>4051</v>
      </c>
      <c r="C1051" s="453"/>
      <c r="D1051" s="471"/>
    </row>
    <row r="1052" spans="2:4" x14ac:dyDescent="0.25">
      <c r="B1052" s="439" t="s">
        <v>4037</v>
      </c>
      <c r="C1052" s="440"/>
      <c r="D1052" s="441"/>
    </row>
    <row r="1053" spans="2:4" ht="15.75" thickBot="1" x14ac:dyDescent="0.3">
      <c r="B1053" s="462"/>
      <c r="C1053" s="443"/>
      <c r="D1053" s="444"/>
    </row>
    <row r="1054" spans="2:4" x14ac:dyDescent="0.25">
      <c r="B1054" s="154" t="s">
        <v>4038</v>
      </c>
      <c r="C1054" s="167"/>
      <c r="D1054" s="168"/>
    </row>
    <row r="1055" spans="2:4" x14ac:dyDescent="0.25">
      <c r="B1055" s="169" t="s">
        <v>3702</v>
      </c>
      <c r="C1055" s="142"/>
      <c r="D1055" s="170"/>
    </row>
    <row r="1056" spans="2:4" x14ac:dyDescent="0.25">
      <c r="B1056" s="169" t="s">
        <v>4039</v>
      </c>
      <c r="C1056" s="142"/>
      <c r="D1056" s="170"/>
    </row>
    <row r="1057" spans="2:4" x14ac:dyDescent="0.25">
      <c r="B1057" s="169" t="s">
        <v>4040</v>
      </c>
      <c r="C1057" s="142"/>
      <c r="D1057" s="170"/>
    </row>
    <row r="1058" spans="2:4" x14ac:dyDescent="0.25">
      <c r="B1058" s="169" t="s">
        <v>4041</v>
      </c>
      <c r="C1058" s="142"/>
      <c r="D1058" s="170"/>
    </row>
    <row r="1059" spans="2:4" ht="15.75" thickBot="1" x14ac:dyDescent="0.3">
      <c r="B1059" s="155" t="s">
        <v>4042</v>
      </c>
      <c r="C1059" s="171"/>
      <c r="D1059" s="172"/>
    </row>
    <row r="1060" spans="2:4" ht="15.75" thickBot="1" x14ac:dyDescent="0.3"/>
    <row r="1061" spans="2:4" ht="15.75" thickBot="1" x14ac:dyDescent="0.3">
      <c r="B1061" s="452" t="s">
        <v>4052</v>
      </c>
      <c r="C1061" s="453"/>
      <c r="D1061" s="471"/>
    </row>
    <row r="1062" spans="2:4" x14ac:dyDescent="0.25">
      <c r="B1062" s="439" t="s">
        <v>4049</v>
      </c>
      <c r="C1062" s="440"/>
      <c r="D1062" s="441"/>
    </row>
    <row r="1063" spans="2:4" ht="15.75" thickBot="1" x14ac:dyDescent="0.3">
      <c r="B1063" s="462"/>
      <c r="C1063" s="443"/>
      <c r="D1063" s="444"/>
    </row>
    <row r="1064" spans="2:4" x14ac:dyDescent="0.25">
      <c r="B1064" s="154" t="s">
        <v>4043</v>
      </c>
      <c r="C1064" s="167"/>
      <c r="D1064" s="168"/>
    </row>
    <row r="1065" spans="2:4" x14ac:dyDescent="0.25">
      <c r="B1065" s="169" t="s">
        <v>4044</v>
      </c>
      <c r="C1065" s="142"/>
      <c r="D1065" s="170"/>
    </row>
    <row r="1066" spans="2:4" x14ac:dyDescent="0.25">
      <c r="B1066" s="169" t="s">
        <v>4045</v>
      </c>
      <c r="C1066" s="142"/>
      <c r="D1066" s="170"/>
    </row>
    <row r="1067" spans="2:4" x14ac:dyDescent="0.25">
      <c r="B1067" s="169" t="s">
        <v>4046</v>
      </c>
      <c r="C1067" s="142"/>
      <c r="D1067" s="170"/>
    </row>
    <row r="1068" spans="2:4" x14ac:dyDescent="0.25">
      <c r="B1068" s="169" t="s">
        <v>4047</v>
      </c>
      <c r="C1068" s="142"/>
      <c r="D1068" s="170"/>
    </row>
    <row r="1069" spans="2:4" ht="15.75" thickBot="1" x14ac:dyDescent="0.3">
      <c r="B1069" s="155" t="s">
        <v>4048</v>
      </c>
      <c r="C1069" s="171"/>
      <c r="D1069" s="172"/>
    </row>
    <row r="1070" spans="2:4" ht="15.75" thickBot="1" x14ac:dyDescent="0.3"/>
    <row r="1071" spans="2:4" ht="15.75" thickBot="1" x14ac:dyDescent="0.3">
      <c r="B1071" s="452" t="s">
        <v>4053</v>
      </c>
      <c r="C1071" s="453"/>
      <c r="D1071" s="471"/>
    </row>
    <row r="1072" spans="2:4" x14ac:dyDescent="0.25">
      <c r="B1072" s="439" t="s">
        <v>4054</v>
      </c>
      <c r="C1072" s="440"/>
      <c r="D1072" s="441"/>
    </row>
    <row r="1073" spans="2:4" ht="15.75" thickBot="1" x14ac:dyDescent="0.3">
      <c r="B1073" s="462"/>
      <c r="C1073" s="443"/>
      <c r="D1073" s="444"/>
    </row>
    <row r="1074" spans="2:4" x14ac:dyDescent="0.25">
      <c r="B1074" s="154" t="s">
        <v>4055</v>
      </c>
      <c r="C1074" s="167"/>
      <c r="D1074" s="168"/>
    </row>
    <row r="1075" spans="2:4" x14ac:dyDescent="0.25">
      <c r="B1075" s="169" t="s">
        <v>4056</v>
      </c>
      <c r="C1075" s="142"/>
      <c r="D1075" s="170"/>
    </row>
    <row r="1076" spans="2:4" x14ac:dyDescent="0.25">
      <c r="B1076" s="169" t="s">
        <v>4057</v>
      </c>
      <c r="C1076" s="142"/>
      <c r="D1076" s="170"/>
    </row>
    <row r="1077" spans="2:4" x14ac:dyDescent="0.25">
      <c r="B1077" s="169" t="s">
        <v>4058</v>
      </c>
      <c r="C1077" s="142"/>
      <c r="D1077" s="170"/>
    </row>
    <row r="1078" spans="2:4" x14ac:dyDescent="0.25">
      <c r="B1078" s="169" t="s">
        <v>4059</v>
      </c>
      <c r="C1078" s="142"/>
      <c r="D1078" s="170"/>
    </row>
    <row r="1079" spans="2:4" x14ac:dyDescent="0.25">
      <c r="B1079" s="169" t="s">
        <v>4060</v>
      </c>
      <c r="C1079" s="142"/>
      <c r="D1079" s="170"/>
    </row>
    <row r="1080" spans="2:4" x14ac:dyDescent="0.25">
      <c r="B1080" s="169" t="s">
        <v>4061</v>
      </c>
      <c r="C1080" s="142"/>
      <c r="D1080" s="170"/>
    </row>
    <row r="1081" spans="2:4" x14ac:dyDescent="0.25">
      <c r="B1081" s="169" t="s">
        <v>4062</v>
      </c>
      <c r="C1081" s="142"/>
      <c r="D1081" s="170"/>
    </row>
    <row r="1082" spans="2:4" ht="15.75" thickBot="1" x14ac:dyDescent="0.3">
      <c r="B1082" s="155" t="s">
        <v>4063</v>
      </c>
      <c r="C1082" s="171"/>
      <c r="D1082" s="172"/>
    </row>
    <row r="1083" spans="2:4" ht="15.75" thickBot="1" x14ac:dyDescent="0.3"/>
    <row r="1084" spans="2:4" ht="15.75" thickBot="1" x14ac:dyDescent="0.3">
      <c r="B1084" s="452" t="s">
        <v>4064</v>
      </c>
      <c r="C1084" s="453"/>
      <c r="D1084" s="471"/>
    </row>
    <row r="1085" spans="2:4" x14ac:dyDescent="0.25">
      <c r="B1085" s="439" t="s">
        <v>4065</v>
      </c>
      <c r="C1085" s="440"/>
      <c r="D1085" s="441"/>
    </row>
    <row r="1086" spans="2:4" ht="15.75" thickBot="1" x14ac:dyDescent="0.3">
      <c r="B1086" s="462"/>
      <c r="C1086" s="443"/>
      <c r="D1086" s="444"/>
    </row>
    <row r="1087" spans="2:4" x14ac:dyDescent="0.25">
      <c r="B1087" s="154" t="s">
        <v>4066</v>
      </c>
      <c r="C1087" s="167"/>
      <c r="D1087" s="168"/>
    </row>
    <row r="1088" spans="2:4" x14ac:dyDescent="0.25">
      <c r="B1088" s="169" t="s">
        <v>4067</v>
      </c>
      <c r="C1088" s="142"/>
      <c r="D1088" s="170"/>
    </row>
    <row r="1089" spans="2:4" x14ac:dyDescent="0.25">
      <c r="B1089" s="169" t="s">
        <v>4068</v>
      </c>
      <c r="C1089" s="142"/>
      <c r="D1089" s="170"/>
    </row>
    <row r="1090" spans="2:4" x14ac:dyDescent="0.25">
      <c r="B1090" s="169" t="s">
        <v>4069</v>
      </c>
      <c r="C1090" s="142"/>
      <c r="D1090" s="170"/>
    </row>
    <row r="1091" spans="2:4" x14ac:dyDescent="0.25">
      <c r="B1091" s="169" t="s">
        <v>4070</v>
      </c>
      <c r="C1091" s="142"/>
      <c r="D1091" s="170"/>
    </row>
    <row r="1092" spans="2:4" x14ac:dyDescent="0.25">
      <c r="B1092" s="169" t="s">
        <v>4071</v>
      </c>
      <c r="C1092" s="142"/>
      <c r="D1092" s="170"/>
    </row>
    <row r="1093" spans="2:4" x14ac:dyDescent="0.25">
      <c r="B1093" s="169" t="s">
        <v>4072</v>
      </c>
      <c r="C1093" s="142"/>
      <c r="D1093" s="170"/>
    </row>
    <row r="1094" spans="2:4" x14ac:dyDescent="0.25">
      <c r="B1094" s="169" t="s">
        <v>4073</v>
      </c>
      <c r="C1094" s="142"/>
      <c r="D1094" s="170"/>
    </row>
    <row r="1095" spans="2:4" x14ac:dyDescent="0.25">
      <c r="B1095" s="169" t="s">
        <v>4074</v>
      </c>
      <c r="C1095" s="142"/>
      <c r="D1095" s="170"/>
    </row>
    <row r="1096" spans="2:4" x14ac:dyDescent="0.25">
      <c r="B1096" s="169" t="s">
        <v>4075</v>
      </c>
      <c r="C1096" s="142"/>
      <c r="D1096" s="170"/>
    </row>
    <row r="1097" spans="2:4" x14ac:dyDescent="0.25">
      <c r="B1097" s="169" t="s">
        <v>4076</v>
      </c>
      <c r="C1097" s="142"/>
      <c r="D1097" s="170"/>
    </row>
    <row r="1098" spans="2:4" x14ac:dyDescent="0.25">
      <c r="B1098" s="169" t="s">
        <v>4077</v>
      </c>
      <c r="C1098" s="142"/>
      <c r="D1098" s="170"/>
    </row>
    <row r="1099" spans="2:4" x14ac:dyDescent="0.25">
      <c r="B1099" s="169" t="s">
        <v>4078</v>
      </c>
      <c r="C1099" s="142"/>
      <c r="D1099" s="170"/>
    </row>
    <row r="1100" spans="2:4" x14ac:dyDescent="0.25">
      <c r="B1100" s="169" t="s">
        <v>3064</v>
      </c>
      <c r="C1100" s="142"/>
      <c r="D1100" s="170"/>
    </row>
    <row r="1101" spans="2:4" x14ac:dyDescent="0.25">
      <c r="B1101" s="169" t="s">
        <v>4079</v>
      </c>
      <c r="C1101" s="142"/>
      <c r="D1101" s="170"/>
    </row>
    <row r="1102" spans="2:4" x14ac:dyDescent="0.25">
      <c r="B1102" s="169" t="s">
        <v>4080</v>
      </c>
      <c r="C1102" s="142"/>
      <c r="D1102" s="170"/>
    </row>
    <row r="1103" spans="2:4" x14ac:dyDescent="0.25">
      <c r="B1103" s="169" t="s">
        <v>4081</v>
      </c>
      <c r="C1103" s="142"/>
      <c r="D1103" s="170"/>
    </row>
    <row r="1104" spans="2:4" x14ac:dyDescent="0.25">
      <c r="B1104" s="169" t="s">
        <v>4082</v>
      </c>
      <c r="C1104" s="142"/>
      <c r="D1104" s="170"/>
    </row>
    <row r="1105" spans="2:4" x14ac:dyDescent="0.25">
      <c r="B1105" s="169" t="s">
        <v>4083</v>
      </c>
      <c r="C1105" s="142"/>
      <c r="D1105" s="170"/>
    </row>
    <row r="1106" spans="2:4" x14ac:dyDescent="0.25">
      <c r="B1106" s="169" t="s">
        <v>4084</v>
      </c>
      <c r="C1106" s="142"/>
      <c r="D1106" s="170"/>
    </row>
    <row r="1107" spans="2:4" x14ac:dyDescent="0.25">
      <c r="B1107" s="169" t="s">
        <v>4085</v>
      </c>
      <c r="C1107" s="142"/>
      <c r="D1107" s="170"/>
    </row>
    <row r="1108" spans="2:4" x14ac:dyDescent="0.25">
      <c r="B1108" s="169" t="s">
        <v>4086</v>
      </c>
      <c r="C1108" s="142"/>
      <c r="D1108" s="170"/>
    </row>
    <row r="1109" spans="2:4" x14ac:dyDescent="0.25">
      <c r="B1109" s="169" t="s">
        <v>4087</v>
      </c>
      <c r="C1109" s="142"/>
      <c r="D1109" s="170"/>
    </row>
    <row r="1110" spans="2:4" x14ac:dyDescent="0.25">
      <c r="B1110" s="169" t="s">
        <v>4088</v>
      </c>
      <c r="C1110" s="142"/>
      <c r="D1110" s="170"/>
    </row>
    <row r="1111" spans="2:4" x14ac:dyDescent="0.25">
      <c r="B1111" s="169" t="s">
        <v>4089</v>
      </c>
      <c r="C1111" s="142"/>
      <c r="D1111" s="170"/>
    </row>
    <row r="1112" spans="2:4" x14ac:dyDescent="0.25">
      <c r="B1112" s="169" t="s">
        <v>4090</v>
      </c>
      <c r="C1112" s="142"/>
      <c r="D1112" s="170"/>
    </row>
    <row r="1113" spans="2:4" x14ac:dyDescent="0.25">
      <c r="B1113" s="169" t="s">
        <v>4091</v>
      </c>
      <c r="C1113" s="142"/>
      <c r="D1113" s="170"/>
    </row>
    <row r="1114" spans="2:4" x14ac:dyDescent="0.25">
      <c r="B1114" s="169" t="s">
        <v>4092</v>
      </c>
      <c r="C1114" s="142"/>
      <c r="D1114" s="170"/>
    </row>
    <row r="1115" spans="2:4" x14ac:dyDescent="0.25">
      <c r="B1115" s="169" t="s">
        <v>4093</v>
      </c>
      <c r="C1115" s="142"/>
      <c r="D1115" s="170"/>
    </row>
    <row r="1116" spans="2:4" x14ac:dyDescent="0.25">
      <c r="B1116" s="169" t="s">
        <v>4094</v>
      </c>
      <c r="C1116" s="142"/>
      <c r="D1116" s="170"/>
    </row>
    <row r="1117" spans="2:4" ht="15.75" thickBot="1" x14ac:dyDescent="0.3">
      <c r="B1117" s="155" t="s">
        <v>4095</v>
      </c>
      <c r="C1117" s="171"/>
      <c r="D1117" s="172"/>
    </row>
    <row r="1118" spans="2:4" ht="15.75" thickBot="1" x14ac:dyDescent="0.3"/>
    <row r="1119" spans="2:4" ht="15.75" thickBot="1" x14ac:dyDescent="0.3">
      <c r="B1119" s="452" t="s">
        <v>4097</v>
      </c>
      <c r="C1119" s="453"/>
      <c r="D1119" s="471"/>
    </row>
    <row r="1120" spans="2:4" x14ac:dyDescent="0.25">
      <c r="B1120" s="439" t="s">
        <v>4107</v>
      </c>
      <c r="C1120" s="440"/>
      <c r="D1120" s="441"/>
    </row>
    <row r="1121" spans="2:4" ht="15.75" thickBot="1" x14ac:dyDescent="0.3">
      <c r="B1121" s="462"/>
      <c r="C1121" s="443"/>
      <c r="D1121" s="444"/>
    </row>
    <row r="1122" spans="2:4" x14ac:dyDescent="0.25">
      <c r="B1122" s="154" t="s">
        <v>3779</v>
      </c>
      <c r="C1122" s="167"/>
      <c r="D1122" s="168"/>
    </row>
    <row r="1123" spans="2:4" x14ac:dyDescent="0.25">
      <c r="B1123" s="169" t="s">
        <v>4096</v>
      </c>
      <c r="C1123" s="142"/>
      <c r="D1123" s="170"/>
    </row>
    <row r="1124" spans="2:4" x14ac:dyDescent="0.25">
      <c r="B1124" s="169" t="s">
        <v>2323</v>
      </c>
      <c r="C1124" s="142"/>
      <c r="D1124" s="170"/>
    </row>
    <row r="1125" spans="2:4" ht="15.75" thickBot="1" x14ac:dyDescent="0.3">
      <c r="B1125" s="155" t="s">
        <v>3782</v>
      </c>
      <c r="C1125" s="171"/>
      <c r="D1125" s="172"/>
    </row>
    <row r="1126" spans="2:4" ht="15.75" thickBot="1" x14ac:dyDescent="0.3"/>
    <row r="1127" spans="2:4" ht="15.75" thickBot="1" x14ac:dyDescent="0.3">
      <c r="B1127" s="452" t="s">
        <v>4105</v>
      </c>
      <c r="C1127" s="453"/>
      <c r="D1127" s="471"/>
    </row>
    <row r="1128" spans="2:4" x14ac:dyDescent="0.25">
      <c r="B1128" s="439" t="s">
        <v>4098</v>
      </c>
      <c r="C1128" s="440"/>
      <c r="D1128" s="441"/>
    </row>
    <row r="1129" spans="2:4" ht="15.75" thickBot="1" x14ac:dyDescent="0.3">
      <c r="B1129" s="462"/>
      <c r="C1129" s="443"/>
      <c r="D1129" s="444"/>
    </row>
    <row r="1130" spans="2:4" x14ac:dyDescent="0.25">
      <c r="B1130" s="154" t="s">
        <v>4099</v>
      </c>
      <c r="C1130" s="167"/>
      <c r="D1130" s="168"/>
    </row>
    <row r="1131" spans="2:4" x14ac:dyDescent="0.25">
      <c r="B1131" s="169" t="s">
        <v>4100</v>
      </c>
      <c r="C1131" s="142"/>
      <c r="D1131" s="170"/>
    </row>
    <row r="1132" spans="2:4" x14ac:dyDescent="0.25">
      <c r="B1132" s="169" t="s">
        <v>3782</v>
      </c>
      <c r="C1132" s="142"/>
      <c r="D1132" s="170"/>
    </row>
    <row r="1133" spans="2:4" x14ac:dyDescent="0.25">
      <c r="B1133" s="169" t="s">
        <v>3791</v>
      </c>
      <c r="C1133" s="142"/>
      <c r="D1133" s="170"/>
    </row>
    <row r="1134" spans="2:4" x14ac:dyDescent="0.25">
      <c r="B1134" s="169" t="s">
        <v>4101</v>
      </c>
      <c r="C1134" s="142"/>
      <c r="D1134" s="170"/>
    </row>
    <row r="1135" spans="2:4" x14ac:dyDescent="0.25">
      <c r="B1135" s="169" t="s">
        <v>4102</v>
      </c>
      <c r="C1135" s="142"/>
      <c r="D1135" s="170"/>
    </row>
    <row r="1136" spans="2:4" x14ac:dyDescent="0.25">
      <c r="B1136" s="169" t="s">
        <v>3779</v>
      </c>
      <c r="C1136" s="142"/>
      <c r="D1136" s="170"/>
    </row>
    <row r="1137" spans="2:4" x14ac:dyDescent="0.25">
      <c r="B1137" s="169" t="s">
        <v>4103</v>
      </c>
      <c r="C1137" s="142"/>
      <c r="D1137" s="170"/>
    </row>
    <row r="1138" spans="2:4" x14ac:dyDescent="0.25">
      <c r="B1138" s="169" t="s">
        <v>4104</v>
      </c>
      <c r="C1138" s="142"/>
      <c r="D1138" s="170"/>
    </row>
    <row r="1139" spans="2:4" ht="15.75" thickBot="1" x14ac:dyDescent="0.3">
      <c r="B1139" s="155" t="s">
        <v>3689</v>
      </c>
      <c r="C1139" s="171"/>
      <c r="D1139" s="172"/>
    </row>
    <row r="1140" spans="2:4" ht="15.75" thickBot="1" x14ac:dyDescent="0.3"/>
    <row r="1141" spans="2:4" ht="15.75" thickBot="1" x14ac:dyDescent="0.3">
      <c r="B1141" s="452" t="s">
        <v>4106</v>
      </c>
      <c r="C1141" s="453"/>
      <c r="D1141" s="471"/>
    </row>
    <row r="1142" spans="2:4" x14ac:dyDescent="0.25">
      <c r="B1142" s="439" t="s">
        <v>4108</v>
      </c>
      <c r="C1142" s="440"/>
      <c r="D1142" s="441"/>
    </row>
    <row r="1143" spans="2:4" ht="15.75" thickBot="1" x14ac:dyDescent="0.3">
      <c r="B1143" s="462"/>
      <c r="C1143" s="443"/>
      <c r="D1143" s="444"/>
    </row>
    <row r="1144" spans="2:4" x14ac:dyDescent="0.25">
      <c r="B1144" s="154" t="s">
        <v>4109</v>
      </c>
      <c r="C1144" s="167"/>
      <c r="D1144" s="168"/>
    </row>
    <row r="1145" spans="2:4" x14ac:dyDescent="0.25">
      <c r="B1145" s="169" t="s">
        <v>4110</v>
      </c>
      <c r="C1145" s="142"/>
      <c r="D1145" s="170"/>
    </row>
    <row r="1146" spans="2:4" x14ac:dyDescent="0.25">
      <c r="B1146" s="169" t="s">
        <v>4111</v>
      </c>
      <c r="C1146" s="142"/>
      <c r="D1146" s="170"/>
    </row>
    <row r="1147" spans="2:4" x14ac:dyDescent="0.25">
      <c r="B1147" s="169" t="s">
        <v>4112</v>
      </c>
      <c r="C1147" s="142"/>
      <c r="D1147" s="170"/>
    </row>
    <row r="1148" spans="2:4" x14ac:dyDescent="0.25">
      <c r="B1148" s="169" t="s">
        <v>4113</v>
      </c>
      <c r="C1148" s="142"/>
      <c r="D1148" s="170"/>
    </row>
    <row r="1149" spans="2:4" x14ac:dyDescent="0.25">
      <c r="B1149" s="169" t="s">
        <v>4114</v>
      </c>
      <c r="C1149" s="142"/>
      <c r="D1149" s="170"/>
    </row>
    <row r="1150" spans="2:4" ht="15.75" thickBot="1" x14ac:dyDescent="0.3">
      <c r="B1150" s="155" t="s">
        <v>4115</v>
      </c>
      <c r="C1150" s="171"/>
      <c r="D1150" s="172"/>
    </row>
    <row r="1151" spans="2:4" ht="15.75" thickBot="1" x14ac:dyDescent="0.3"/>
    <row r="1152" spans="2:4" ht="15.75" thickBot="1" x14ac:dyDescent="0.3">
      <c r="B1152" s="452" t="s">
        <v>4117</v>
      </c>
      <c r="C1152" s="453"/>
      <c r="D1152" s="471"/>
    </row>
    <row r="1153" spans="2:4" x14ac:dyDescent="0.25">
      <c r="B1153" s="439" t="s">
        <v>4116</v>
      </c>
      <c r="C1153" s="440"/>
      <c r="D1153" s="441"/>
    </row>
    <row r="1154" spans="2:4" ht="15.75" thickBot="1" x14ac:dyDescent="0.3">
      <c r="B1154" s="462"/>
      <c r="C1154" s="443"/>
      <c r="D1154" s="444"/>
    </row>
    <row r="1155" spans="2:4" ht="15.75" thickBot="1" x14ac:dyDescent="0.3">
      <c r="B1155" s="18" t="s">
        <v>4118</v>
      </c>
      <c r="C1155" s="175"/>
      <c r="D1155" s="176"/>
    </row>
    <row r="1156" spans="2:4" ht="15.75" thickBot="1" x14ac:dyDescent="0.3"/>
    <row r="1157" spans="2:4" ht="15.75" thickBot="1" x14ac:dyDescent="0.3">
      <c r="B1157" s="452" t="s">
        <v>4120</v>
      </c>
      <c r="C1157" s="453"/>
      <c r="D1157" s="471"/>
    </row>
    <row r="1158" spans="2:4" x14ac:dyDescent="0.25">
      <c r="B1158" s="439" t="s">
        <v>4124</v>
      </c>
      <c r="C1158" s="440"/>
      <c r="D1158" s="441"/>
    </row>
    <row r="1159" spans="2:4" ht="15.75" thickBot="1" x14ac:dyDescent="0.3">
      <c r="B1159" s="462"/>
      <c r="C1159" s="443"/>
      <c r="D1159" s="444"/>
    </row>
    <row r="1160" spans="2:4" ht="15.75" thickBot="1" x14ac:dyDescent="0.3">
      <c r="B1160" s="18" t="s">
        <v>4121</v>
      </c>
      <c r="C1160" s="175"/>
      <c r="D1160" s="176"/>
    </row>
    <row r="1161" spans="2:4" ht="15.75" thickBot="1" x14ac:dyDescent="0.3"/>
    <row r="1162" spans="2:4" ht="15.75" thickBot="1" x14ac:dyDescent="0.3">
      <c r="B1162" s="452" t="s">
        <v>4122</v>
      </c>
      <c r="C1162" s="453"/>
      <c r="D1162" s="471"/>
    </row>
    <row r="1163" spans="2:4" x14ac:dyDescent="0.25">
      <c r="B1163" s="439" t="s">
        <v>4123</v>
      </c>
      <c r="C1163" s="440"/>
      <c r="D1163" s="441"/>
    </row>
    <row r="1164" spans="2:4" ht="15.75" thickBot="1" x14ac:dyDescent="0.3">
      <c r="B1164" s="462"/>
      <c r="C1164" s="443"/>
      <c r="D1164" s="444"/>
    </row>
    <row r="1165" spans="2:4" x14ac:dyDescent="0.25">
      <c r="B1165" s="154" t="s">
        <v>4125</v>
      </c>
      <c r="C1165" s="167"/>
      <c r="D1165" s="168"/>
    </row>
    <row r="1166" spans="2:4" x14ac:dyDescent="0.25">
      <c r="B1166" s="169" t="s">
        <v>4127</v>
      </c>
      <c r="C1166" s="142"/>
      <c r="D1166" s="170"/>
    </row>
    <row r="1167" spans="2:4" x14ac:dyDescent="0.25">
      <c r="B1167" s="169" t="s">
        <v>4126</v>
      </c>
      <c r="C1167" s="142"/>
      <c r="D1167" s="170"/>
    </row>
    <row r="1168" spans="2:4" ht="15.75" thickBot="1" x14ac:dyDescent="0.3">
      <c r="B1168" s="155" t="s">
        <v>4128</v>
      </c>
      <c r="C1168" s="171"/>
      <c r="D1168" s="172"/>
    </row>
    <row r="1169" spans="2:4" ht="15.75" thickBot="1" x14ac:dyDescent="0.3"/>
    <row r="1170" spans="2:4" ht="15.75" thickBot="1" x14ac:dyDescent="0.3">
      <c r="B1170" s="452" t="s">
        <v>4135</v>
      </c>
      <c r="C1170" s="453"/>
      <c r="D1170" s="471"/>
    </row>
    <row r="1171" spans="2:4" x14ac:dyDescent="0.25">
      <c r="B1171" s="439" t="s">
        <v>4136</v>
      </c>
      <c r="C1171" s="440"/>
      <c r="D1171" s="441"/>
    </row>
    <row r="1172" spans="2:4" ht="15.75" thickBot="1" x14ac:dyDescent="0.3">
      <c r="B1172" s="462"/>
      <c r="C1172" s="443"/>
      <c r="D1172" s="444"/>
    </row>
    <row r="1173" spans="2:4" ht="15.75" thickBot="1" x14ac:dyDescent="0.3">
      <c r="B1173" s="18" t="s">
        <v>4137</v>
      </c>
      <c r="C1173" s="175"/>
      <c r="D1173" s="176"/>
    </row>
    <row r="1174" spans="2:4" ht="15.75" thickBot="1" x14ac:dyDescent="0.3"/>
    <row r="1175" spans="2:4" ht="15.75" thickBot="1" x14ac:dyDescent="0.3">
      <c r="B1175" s="452" t="s">
        <v>4129</v>
      </c>
      <c r="C1175" s="453"/>
      <c r="D1175" s="471"/>
    </row>
    <row r="1176" spans="2:4" x14ac:dyDescent="0.25">
      <c r="B1176" s="439" t="s">
        <v>4130</v>
      </c>
      <c r="C1176" s="440"/>
      <c r="D1176" s="441"/>
    </row>
    <row r="1177" spans="2:4" ht="15.75" thickBot="1" x14ac:dyDescent="0.3">
      <c r="B1177" s="462"/>
      <c r="C1177" s="443"/>
      <c r="D1177" s="444"/>
    </row>
    <row r="1178" spans="2:4" x14ac:dyDescent="0.25">
      <c r="B1178" s="154" t="s">
        <v>4131</v>
      </c>
      <c r="C1178" s="167"/>
      <c r="D1178" s="168"/>
    </row>
    <row r="1179" spans="2:4" x14ac:dyDescent="0.25">
      <c r="B1179" s="169" t="s">
        <v>4132</v>
      </c>
      <c r="C1179" s="142"/>
      <c r="D1179" s="170"/>
    </row>
    <row r="1180" spans="2:4" x14ac:dyDescent="0.25">
      <c r="B1180" s="169" t="s">
        <v>748</v>
      </c>
      <c r="C1180" s="142"/>
      <c r="D1180" s="170"/>
    </row>
    <row r="1181" spans="2:4" x14ac:dyDescent="0.25">
      <c r="B1181" s="169" t="s">
        <v>2090</v>
      </c>
      <c r="C1181" s="142"/>
      <c r="D1181" s="170"/>
    </row>
    <row r="1182" spans="2:4" x14ac:dyDescent="0.25">
      <c r="B1182" s="169" t="s">
        <v>4133</v>
      </c>
      <c r="C1182" s="142"/>
      <c r="D1182" s="170"/>
    </row>
    <row r="1183" spans="2:4" x14ac:dyDescent="0.25">
      <c r="B1183" s="169" t="s">
        <v>3751</v>
      </c>
      <c r="C1183" s="142"/>
      <c r="D1183" s="170"/>
    </row>
    <row r="1184" spans="2:4" x14ac:dyDescent="0.25">
      <c r="B1184" s="169" t="s">
        <v>3712</v>
      </c>
      <c r="C1184" s="142"/>
      <c r="D1184" s="170"/>
    </row>
    <row r="1185" spans="2:4" ht="15.75" thickBot="1" x14ac:dyDescent="0.3">
      <c r="B1185" s="155" t="s">
        <v>4134</v>
      </c>
      <c r="C1185" s="171"/>
      <c r="D1185" s="172"/>
    </row>
    <row r="1186" spans="2:4" ht="15.75" thickBot="1" x14ac:dyDescent="0.3"/>
    <row r="1187" spans="2:4" ht="15.75" thickBot="1" x14ac:dyDescent="0.3">
      <c r="B1187" s="452" t="s">
        <v>4138</v>
      </c>
      <c r="C1187" s="453"/>
      <c r="D1187" s="471"/>
    </row>
    <row r="1188" spans="2:4" x14ac:dyDescent="0.25">
      <c r="B1188" s="439" t="s">
        <v>4139</v>
      </c>
      <c r="C1188" s="440"/>
      <c r="D1188" s="441"/>
    </row>
    <row r="1189" spans="2:4" ht="15.75" thickBot="1" x14ac:dyDescent="0.3">
      <c r="B1189" s="462"/>
      <c r="C1189" s="443"/>
      <c r="D1189" s="444"/>
    </row>
    <row r="1190" spans="2:4" x14ac:dyDescent="0.25">
      <c r="B1190" s="154" t="s">
        <v>3951</v>
      </c>
      <c r="C1190" s="167"/>
      <c r="D1190" s="168"/>
    </row>
    <row r="1191" spans="2:4" x14ac:dyDescent="0.25">
      <c r="B1191" s="169" t="s">
        <v>4140</v>
      </c>
      <c r="C1191" s="142"/>
      <c r="D1191" s="170"/>
    </row>
    <row r="1192" spans="2:4" x14ac:dyDescent="0.25">
      <c r="B1192" s="169" t="s">
        <v>3957</v>
      </c>
      <c r="C1192" s="142"/>
      <c r="D1192" s="170"/>
    </row>
    <row r="1193" spans="2:4" x14ac:dyDescent="0.25">
      <c r="B1193" s="169" t="s">
        <v>4141</v>
      </c>
      <c r="C1193" s="142"/>
      <c r="D1193" s="170"/>
    </row>
    <row r="1194" spans="2:4" x14ac:dyDescent="0.25">
      <c r="B1194" s="169" t="s">
        <v>1044</v>
      </c>
      <c r="C1194" s="142"/>
      <c r="D1194" s="170"/>
    </row>
    <row r="1195" spans="2:4" x14ac:dyDescent="0.25">
      <c r="B1195" s="169" t="s">
        <v>4142</v>
      </c>
      <c r="C1195" s="142"/>
      <c r="D1195" s="170"/>
    </row>
    <row r="1196" spans="2:4" x14ac:dyDescent="0.25">
      <c r="B1196" s="169" t="s">
        <v>3955</v>
      </c>
      <c r="C1196" s="142"/>
      <c r="D1196" s="170"/>
    </row>
    <row r="1197" spans="2:4" ht="15.75" thickBot="1" x14ac:dyDescent="0.3">
      <c r="B1197" s="155" t="s">
        <v>3956</v>
      </c>
      <c r="C1197" s="171"/>
      <c r="D1197" s="172"/>
    </row>
    <row r="1198" spans="2:4" ht="15.75" thickBot="1" x14ac:dyDescent="0.3"/>
    <row r="1199" spans="2:4" ht="15.75" thickBot="1" x14ac:dyDescent="0.3">
      <c r="B1199" s="452" t="s">
        <v>4143</v>
      </c>
      <c r="C1199" s="453"/>
      <c r="D1199" s="471"/>
    </row>
    <row r="1200" spans="2:4" x14ac:dyDescent="0.25">
      <c r="B1200" s="439" t="s">
        <v>4144</v>
      </c>
      <c r="C1200" s="440"/>
      <c r="D1200" s="441"/>
    </row>
    <row r="1201" spans="2:4" ht="15.75" thickBot="1" x14ac:dyDescent="0.3">
      <c r="B1201" s="462"/>
      <c r="C1201" s="443"/>
      <c r="D1201" s="444"/>
    </row>
    <row r="1202" spans="2:4" x14ac:dyDescent="0.25">
      <c r="B1202" s="154" t="s">
        <v>4145</v>
      </c>
      <c r="C1202" s="167"/>
      <c r="D1202" s="168"/>
    </row>
    <row r="1203" spans="2:4" x14ac:dyDescent="0.25">
      <c r="B1203" s="169" t="s">
        <v>4146</v>
      </c>
      <c r="C1203" s="142"/>
      <c r="D1203" s="170"/>
    </row>
    <row r="1204" spans="2:4" x14ac:dyDescent="0.25">
      <c r="B1204" s="169" t="s">
        <v>4147</v>
      </c>
      <c r="C1204" s="142"/>
      <c r="D1204" s="170"/>
    </row>
    <row r="1205" spans="2:4" ht="15.75" thickBot="1" x14ac:dyDescent="0.3"/>
    <row r="1206" spans="2:4" ht="15.75" thickBot="1" x14ac:dyDescent="0.3">
      <c r="B1206" s="452" t="s">
        <v>4148</v>
      </c>
      <c r="C1206" s="453"/>
      <c r="D1206" s="471"/>
    </row>
    <row r="1207" spans="2:4" x14ac:dyDescent="0.25">
      <c r="B1207" s="439" t="s">
        <v>4149</v>
      </c>
      <c r="C1207" s="440"/>
      <c r="D1207" s="441"/>
    </row>
    <row r="1208" spans="2:4" ht="15.75" thickBot="1" x14ac:dyDescent="0.3">
      <c r="B1208" s="462"/>
      <c r="C1208" s="443"/>
      <c r="D1208" s="444"/>
    </row>
    <row r="1209" spans="2:4" x14ac:dyDescent="0.25">
      <c r="B1209" s="154" t="s">
        <v>4150</v>
      </c>
      <c r="C1209" s="167"/>
      <c r="D1209" s="168"/>
    </row>
    <row r="1210" spans="2:4" x14ac:dyDescent="0.25">
      <c r="B1210" s="169" t="s">
        <v>4151</v>
      </c>
      <c r="C1210" s="142"/>
      <c r="D1210" s="170"/>
    </row>
    <row r="1211" spans="2:4" x14ac:dyDescent="0.25">
      <c r="B1211" s="169" t="s">
        <v>4152</v>
      </c>
      <c r="C1211" s="142"/>
      <c r="D1211" s="170"/>
    </row>
    <row r="1212" spans="2:4" x14ac:dyDescent="0.25">
      <c r="B1212" s="169" t="s">
        <v>4153</v>
      </c>
      <c r="C1212" s="142"/>
      <c r="D1212" s="170"/>
    </row>
    <row r="1213" spans="2:4" x14ac:dyDescent="0.25">
      <c r="B1213" s="169" t="s">
        <v>4154</v>
      </c>
      <c r="C1213" s="142"/>
      <c r="D1213" s="170"/>
    </row>
    <row r="1214" spans="2:4" x14ac:dyDescent="0.25">
      <c r="B1214" s="169" t="s">
        <v>4155</v>
      </c>
      <c r="C1214" s="142"/>
      <c r="D1214" s="170"/>
    </row>
    <row r="1215" spans="2:4" x14ac:dyDescent="0.25">
      <c r="B1215" s="169" t="s">
        <v>4156</v>
      </c>
      <c r="C1215" s="142"/>
      <c r="D1215" s="170"/>
    </row>
    <row r="1216" spans="2:4" x14ac:dyDescent="0.25">
      <c r="B1216" s="169" t="s">
        <v>4157</v>
      </c>
      <c r="C1216" s="142"/>
      <c r="D1216" s="170"/>
    </row>
    <row r="1217" spans="2:4" x14ac:dyDescent="0.25">
      <c r="B1217" s="169" t="s">
        <v>4158</v>
      </c>
      <c r="C1217" s="142"/>
      <c r="D1217" s="170"/>
    </row>
    <row r="1218" spans="2:4" x14ac:dyDescent="0.25">
      <c r="B1218" s="169" t="s">
        <v>4159</v>
      </c>
      <c r="C1218" s="142"/>
      <c r="D1218" s="170"/>
    </row>
    <row r="1219" spans="2:4" x14ac:dyDescent="0.25">
      <c r="B1219" s="169" t="s">
        <v>4160</v>
      </c>
      <c r="C1219" s="142"/>
      <c r="D1219" s="170"/>
    </row>
    <row r="1220" spans="2:4" x14ac:dyDescent="0.25">
      <c r="B1220" s="169" t="s">
        <v>4161</v>
      </c>
      <c r="C1220" s="142"/>
      <c r="D1220" s="170"/>
    </row>
    <row r="1221" spans="2:4" x14ac:dyDescent="0.25">
      <c r="B1221" s="169" t="s">
        <v>4162</v>
      </c>
      <c r="C1221" s="142"/>
      <c r="D1221" s="170"/>
    </row>
    <row r="1222" spans="2:4" x14ac:dyDescent="0.25">
      <c r="B1222" s="169" t="s">
        <v>4163</v>
      </c>
      <c r="C1222" s="142"/>
      <c r="D1222" s="170"/>
    </row>
    <row r="1223" spans="2:4" x14ac:dyDescent="0.25">
      <c r="B1223" s="169" t="s">
        <v>4164</v>
      </c>
      <c r="C1223" s="142"/>
      <c r="D1223" s="170"/>
    </row>
    <row r="1224" spans="2:4" ht="15.75" thickBot="1" x14ac:dyDescent="0.3">
      <c r="B1224" s="155" t="s">
        <v>4165</v>
      </c>
      <c r="C1224" s="171"/>
      <c r="D1224" s="172"/>
    </row>
    <row r="1225" spans="2:4" ht="15.75" thickBot="1" x14ac:dyDescent="0.3"/>
    <row r="1226" spans="2:4" ht="15.75" thickBot="1" x14ac:dyDescent="0.3">
      <c r="B1226" s="452" t="s">
        <v>4166</v>
      </c>
      <c r="C1226" s="453"/>
      <c r="D1226" s="471"/>
    </row>
    <row r="1227" spans="2:4" x14ac:dyDescent="0.25">
      <c r="B1227" s="439" t="s">
        <v>4167</v>
      </c>
      <c r="C1227" s="440"/>
      <c r="D1227" s="441"/>
    </row>
    <row r="1228" spans="2:4" ht="15.75" thickBot="1" x14ac:dyDescent="0.3">
      <c r="B1228" s="462"/>
      <c r="C1228" s="443"/>
      <c r="D1228" s="444"/>
    </row>
    <row r="1229" spans="2:4" x14ac:dyDescent="0.25">
      <c r="B1229" s="154" t="s">
        <v>4168</v>
      </c>
      <c r="C1229" s="167"/>
      <c r="D1229" s="168"/>
    </row>
    <row r="1230" spans="2:4" x14ac:dyDescent="0.25">
      <c r="B1230" s="169" t="s">
        <v>4169</v>
      </c>
      <c r="C1230" s="142"/>
      <c r="D1230" s="170"/>
    </row>
    <row r="1231" spans="2:4" x14ac:dyDescent="0.25">
      <c r="B1231" s="169" t="s">
        <v>4170</v>
      </c>
      <c r="C1231" s="142"/>
      <c r="D1231" s="170"/>
    </row>
    <row r="1232" spans="2:4" x14ac:dyDescent="0.25">
      <c r="B1232" s="169" t="s">
        <v>4171</v>
      </c>
      <c r="C1232" s="142"/>
      <c r="D1232" s="170"/>
    </row>
    <row r="1233" spans="2:4" ht="15.75" thickBot="1" x14ac:dyDescent="0.3"/>
    <row r="1234" spans="2:4" ht="15.75" thickBot="1" x14ac:dyDescent="0.3">
      <c r="B1234" s="452" t="s">
        <v>4172</v>
      </c>
      <c r="C1234" s="453"/>
      <c r="D1234" s="471"/>
    </row>
    <row r="1235" spans="2:4" x14ac:dyDescent="0.25">
      <c r="B1235" s="439" t="s">
        <v>4173</v>
      </c>
      <c r="C1235" s="440"/>
      <c r="D1235" s="441"/>
    </row>
    <row r="1236" spans="2:4" ht="15.75" thickBot="1" x14ac:dyDescent="0.3">
      <c r="B1236" s="462"/>
      <c r="C1236" s="443"/>
      <c r="D1236" s="444"/>
    </row>
    <row r="1237" spans="2:4" ht="15.75" thickBot="1" x14ac:dyDescent="0.3">
      <c r="B1237" s="18" t="s">
        <v>4174</v>
      </c>
      <c r="C1237" s="175"/>
      <c r="D1237" s="176"/>
    </row>
  </sheetData>
  <mergeCells count="146">
    <mergeCell ref="B846:D847"/>
    <mergeCell ref="B972:D973"/>
    <mergeCell ref="B1226:D1226"/>
    <mergeCell ref="B1227:D1228"/>
    <mergeCell ref="B892:D892"/>
    <mergeCell ref="B742:D742"/>
    <mergeCell ref="B743:D744"/>
    <mergeCell ref="B722:D722"/>
    <mergeCell ref="B723:D724"/>
    <mergeCell ref="B735:D735"/>
    <mergeCell ref="B736:D737"/>
    <mergeCell ref="B766:D766"/>
    <mergeCell ref="B754:D755"/>
    <mergeCell ref="B786:D786"/>
    <mergeCell ref="B753:D753"/>
    <mergeCell ref="B767:D768"/>
    <mergeCell ref="B879:D880"/>
    <mergeCell ref="B863:D863"/>
    <mergeCell ref="B864:D865"/>
    <mergeCell ref="B878:D878"/>
    <mergeCell ref="B787:D788"/>
    <mergeCell ref="B810:D811"/>
    <mergeCell ref="B845:D845"/>
    <mergeCell ref="B820:D820"/>
    <mergeCell ref="B821:D822"/>
    <mergeCell ref="B834:D834"/>
    <mergeCell ref="B835:D836"/>
    <mergeCell ref="B809:D809"/>
    <mergeCell ref="B171:D172"/>
    <mergeCell ref="B95:D95"/>
    <mergeCell ref="B85:D85"/>
    <mergeCell ref="B86:D87"/>
    <mergeCell ref="B500:D500"/>
    <mergeCell ref="B631:D631"/>
    <mergeCell ref="B632:D633"/>
    <mergeCell ref="B248:D249"/>
    <mergeCell ref="B254:D254"/>
    <mergeCell ref="B176:D176"/>
    <mergeCell ref="B177:D178"/>
    <mergeCell ref="B236:D236"/>
    <mergeCell ref="B187:D187"/>
    <mergeCell ref="B247:D247"/>
    <mergeCell ref="B237:D238"/>
    <mergeCell ref="B432:D432"/>
    <mergeCell ref="B433:D434"/>
    <mergeCell ref="B262:D262"/>
    <mergeCell ref="B609:D609"/>
    <mergeCell ref="B610:D611"/>
    <mergeCell ref="B501:D502"/>
    <mergeCell ref="B520:D520"/>
    <mergeCell ref="B521:D522"/>
    <mergeCell ref="B263:D264"/>
    <mergeCell ref="B2:D2"/>
    <mergeCell ref="B3:D4"/>
    <mergeCell ref="B18:D18"/>
    <mergeCell ref="B19:D20"/>
    <mergeCell ref="B43:D43"/>
    <mergeCell ref="B69:D69"/>
    <mergeCell ref="B70:D71"/>
    <mergeCell ref="B96:D97"/>
    <mergeCell ref="B170:D170"/>
    <mergeCell ref="B144:D145"/>
    <mergeCell ref="B119:D119"/>
    <mergeCell ref="B120:D121"/>
    <mergeCell ref="B143:D143"/>
    <mergeCell ref="B60:D61"/>
    <mergeCell ref="B133:D133"/>
    <mergeCell ref="B134:D136"/>
    <mergeCell ref="B153:D153"/>
    <mergeCell ref="B154:D155"/>
    <mergeCell ref="B44:D45"/>
    <mergeCell ref="B52:D52"/>
    <mergeCell ref="B53:D54"/>
    <mergeCell ref="B59:D59"/>
    <mergeCell ref="B213:D213"/>
    <mergeCell ref="B214:D215"/>
    <mergeCell ref="B188:D189"/>
    <mergeCell ref="B255:D256"/>
    <mergeCell ref="B550:D551"/>
    <mergeCell ref="B690:D691"/>
    <mergeCell ref="B645:D645"/>
    <mergeCell ref="B689:D689"/>
    <mergeCell ref="B681:D683"/>
    <mergeCell ref="B660:D660"/>
    <mergeCell ref="B661:D662"/>
    <mergeCell ref="B680:D680"/>
    <mergeCell ref="B668:D668"/>
    <mergeCell ref="B669:D670"/>
    <mergeCell ref="B674:D674"/>
    <mergeCell ref="B675:D676"/>
    <mergeCell ref="B646:D647"/>
    <mergeCell ref="B534:D534"/>
    <mergeCell ref="B535:D536"/>
    <mergeCell ref="B622:D622"/>
    <mergeCell ref="B623:D624"/>
    <mergeCell ref="B549:D549"/>
    <mergeCell ref="B893:D894"/>
    <mergeCell ref="B1175:D1175"/>
    <mergeCell ref="B1176:D1177"/>
    <mergeCell ref="B1034:D1034"/>
    <mergeCell ref="B1035:D1036"/>
    <mergeCell ref="B1157:D1157"/>
    <mergeCell ref="B1158:D1159"/>
    <mergeCell ref="B1152:D1152"/>
    <mergeCell ref="B1153:D1154"/>
    <mergeCell ref="B1127:D1127"/>
    <mergeCell ref="B1128:D1129"/>
    <mergeCell ref="B1119:D1119"/>
    <mergeCell ref="B1120:D1121"/>
    <mergeCell ref="B1071:D1071"/>
    <mergeCell ref="B1072:D1073"/>
    <mergeCell ref="B1015:D1015"/>
    <mergeCell ref="B1016:D1017"/>
    <mergeCell ref="B1051:D1051"/>
    <mergeCell ref="B1052:D1053"/>
    <mergeCell ref="B971:D971"/>
    <mergeCell ref="B1027:D1027"/>
    <mergeCell ref="B1028:D1029"/>
    <mergeCell ref="B985:D985"/>
    <mergeCell ref="B965:D965"/>
    <mergeCell ref="B903:D903"/>
    <mergeCell ref="B904:D905"/>
    <mergeCell ref="B966:D967"/>
    <mergeCell ref="B916:D916"/>
    <mergeCell ref="B1199:D1199"/>
    <mergeCell ref="B1200:D1201"/>
    <mergeCell ref="B1170:D1170"/>
    <mergeCell ref="B1171:D1172"/>
    <mergeCell ref="B1162:D1162"/>
    <mergeCell ref="B1163:D1164"/>
    <mergeCell ref="B1141:D1141"/>
    <mergeCell ref="B1142:D1143"/>
    <mergeCell ref="B1084:D1084"/>
    <mergeCell ref="B1085:D1086"/>
    <mergeCell ref="B1061:D1061"/>
    <mergeCell ref="B1062:D1063"/>
    <mergeCell ref="B986:D987"/>
    <mergeCell ref="B1234:D1234"/>
    <mergeCell ref="B1235:D1236"/>
    <mergeCell ref="B1206:D1206"/>
    <mergeCell ref="B1207:D1208"/>
    <mergeCell ref="B1187:D1187"/>
    <mergeCell ref="B1188:D1189"/>
    <mergeCell ref="B917:D918"/>
    <mergeCell ref="B928:D928"/>
    <mergeCell ref="B929:D930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9</vt:i4>
      </vt:variant>
    </vt:vector>
  </HeadingPairs>
  <TitlesOfParts>
    <vt:vector size="9" baseType="lpstr">
      <vt:lpstr>2011</vt:lpstr>
      <vt:lpstr>2012</vt:lpstr>
      <vt:lpstr>2013</vt:lpstr>
      <vt:lpstr>2014</vt:lpstr>
      <vt:lpstr>2015</vt:lpstr>
      <vt:lpstr>2016-2018</vt:lpstr>
      <vt:lpstr>2019-2020</vt:lpstr>
      <vt:lpstr>2020-2021</vt:lpstr>
      <vt:lpstr>2022-2023</vt:lpstr>
    </vt:vector>
  </TitlesOfParts>
  <Company>SAR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er Makgate</dc:creator>
  <cp:lastModifiedBy>Andre Taljaard</cp:lastModifiedBy>
  <cp:lastPrinted>2017-12-11T08:18:50Z</cp:lastPrinted>
  <dcterms:created xsi:type="dcterms:W3CDTF">2014-04-22T06:57:46Z</dcterms:created>
  <dcterms:modified xsi:type="dcterms:W3CDTF">2024-04-08T09:51:52Z</dcterms:modified>
</cp:coreProperties>
</file>